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slicerCaches/slicerCache1.xml" ContentType="application/vnd.ms-excel.slicerCache+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slicers/slicer1.xml" ContentType="application/vnd.ms-excel.slicer+xml"/>
  <Override PartName="/xl/charts/chartEx1.xml" ContentType="application/vnd.ms-office.chartex+xml"/>
  <Override PartName="/xl/charts/style1.xml" ContentType="application/vnd.ms-office.chartstyle+xml"/>
  <Override PartName="/xl/charts/colors1.xml" ContentType="application/vnd.ms-office.chartcolorsty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mc:AlternateContent xmlns:mc="http://schemas.openxmlformats.org/markup-compatibility/2006">
    <mc:Choice Requires="x15">
      <x15ac:absPath xmlns:x15ac="http://schemas.microsoft.com/office/spreadsheetml/2010/11/ac" url="\\lewis.sms.ed.ac.uk\home\s2401891\Win7\Desktop\EXCEL\"/>
    </mc:Choice>
  </mc:AlternateContent>
  <xr:revisionPtr revIDLastSave="0" documentId="8_{EC8679C9-80D7-4C54-8CE0-BC5CC49DE77B}" xr6:coauthVersionLast="47" xr6:coauthVersionMax="47" xr10:uidLastSave="{00000000-0000-0000-0000-000000000000}"/>
  <bookViews>
    <workbookView xWindow="-120" yWindow="-120" windowWidth="29040" windowHeight="15840" xr2:uid="{254A509D-0F92-4DEF-909D-AEDB638D0CEB}"/>
  </bookViews>
  <sheets>
    <sheet name="Geospatial" sheetId="1" r:id="rId1"/>
  </sheets>
  <externalReferences>
    <externalReference r:id="rId2"/>
  </externalReferences>
  <definedNames>
    <definedName name="_xlchart.v5.0" hidden="1">Geospatial!$B$3</definedName>
    <definedName name="_xlchart.v5.1" hidden="1">Geospatial!$B$4:$B$180</definedName>
    <definedName name="_xlchart.v5.10" hidden="1">Geospatial!$B$3</definedName>
    <definedName name="_xlchart.v5.11" hidden="1">Geospatial!$B$4:$B$180</definedName>
    <definedName name="_xlchart.v5.12" hidden="1">Geospatial!$C$2</definedName>
    <definedName name="_xlchart.v5.13" hidden="1">Geospatial!$C$3</definedName>
    <definedName name="_xlchart.v5.14" hidden="1">Geospatial!$C$4:$C$180</definedName>
    <definedName name="_xlchart.v5.2" hidden="1">Geospatial!$C$2</definedName>
    <definedName name="_xlchart.v5.3" hidden="1">Geospatial!$C$3</definedName>
    <definedName name="_xlchart.v5.4" hidden="1">Geospatial!$C$4:$C$180</definedName>
    <definedName name="_xlchart.v5.5" hidden="1">Geospatial!$B$3</definedName>
    <definedName name="_xlchart.v5.6" hidden="1">Geospatial!$B$4:$B$180</definedName>
    <definedName name="_xlchart.v5.7" hidden="1">Geospatial!$C$2</definedName>
    <definedName name="_xlchart.v5.8" hidden="1">Geospatial!$C$3</definedName>
    <definedName name="_xlchart.v5.9" hidden="1">Geospatial!$C$4:$C$180</definedName>
    <definedName name="gmsl_year">'[1]Gauge Charts'!$B$3:$N$3</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Percent_Both_Sexes">'[1]Population Charts'!#REF!</definedName>
    <definedName name="Percent_Female">'[1]Population Charts'!$G$4:$G$967</definedName>
    <definedName name="Percent_Male">'[1]Population Charts'!$F$4:$F$967</definedName>
    <definedName name="scenarios">'[1]Gauge Charts'!$A$4:$A$9</definedName>
    <definedName name="Slicer_Region">#N/A</definedName>
    <definedName name="Year">'[1]Population Charts'!$A$4:$A$967</definedName>
    <definedName name="Years">'[1]Population Charts'!$I$6:$I$29</definedName>
  </definedNames>
  <calcPr calcId="191029"/>
  <extLst>
    <ext xmlns:x14="http://schemas.microsoft.com/office/spreadsheetml/2009/9/main" uri="{79F54976-1DA5-4618-B147-4CDE4B953A38}">
      <x14:workbookPr/>
    </ext>
    <ext xmlns:x15="http://schemas.microsoft.com/office/spreadsheetml/2010/11/main" uri="{46BE6895-7355-4a93-B00E-2C351335B9C9}">
      <x15:slicerCaches xmlns:x14="http://schemas.microsoft.com/office/spreadsheetml/2009/9/main">
        <x14:slicerCache r:id="rId3"/>
      </x15:slicerCaches>
    </ex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359" uniqueCount="187">
  <si>
    <t>Region</t>
  </si>
  <si>
    <t>Country</t>
  </si>
  <si>
    <t>Biocapacity</t>
  </si>
  <si>
    <t>Eco-Footprint PP</t>
  </si>
  <si>
    <t>ASIA</t>
  </si>
  <si>
    <t>Afghanistan</t>
  </si>
  <si>
    <t>EUROPE</t>
  </si>
  <si>
    <t>Albania</t>
  </si>
  <si>
    <t>AFRICA</t>
  </si>
  <si>
    <t>Algeria</t>
  </si>
  <si>
    <t>Angola</t>
  </si>
  <si>
    <t>AMERICAS</t>
  </si>
  <si>
    <t>Antigua and Barbuda</t>
  </si>
  <si>
    <t>Argentina</t>
  </si>
  <si>
    <t>Armenia</t>
  </si>
  <si>
    <t>OCEANIA</t>
  </si>
  <si>
    <t>Australia</t>
  </si>
  <si>
    <t>Azerbaijan</t>
  </si>
  <si>
    <t>Bahamas</t>
  </si>
  <si>
    <t>Bahrain</t>
  </si>
  <si>
    <t>Bangladesh</t>
  </si>
  <si>
    <t>Barbados</t>
  </si>
  <si>
    <t>Belarus</t>
  </si>
  <si>
    <t>Belgium</t>
  </si>
  <si>
    <t>Belize</t>
  </si>
  <si>
    <t>Benin</t>
  </si>
  <si>
    <t>Bhutan</t>
  </si>
  <si>
    <t>Bolivia</t>
  </si>
  <si>
    <t>Bosnia and Herzegovina</t>
  </si>
  <si>
    <t>Botswana</t>
  </si>
  <si>
    <t>Brazil</t>
  </si>
  <si>
    <t>Brunei Darussalam</t>
  </si>
  <si>
    <t>Bulgaria</t>
  </si>
  <si>
    <t>Burkina Faso</t>
  </si>
  <si>
    <t>Burundi</t>
  </si>
  <si>
    <t>Cabo Verde</t>
  </si>
  <si>
    <t>Cambodia</t>
  </si>
  <si>
    <t>Cameroon</t>
  </si>
  <si>
    <t>Canada</t>
  </si>
  <si>
    <t>Central African Republic</t>
  </si>
  <si>
    <t>Chad</t>
  </si>
  <si>
    <t>Chile</t>
  </si>
  <si>
    <t>China</t>
  </si>
  <si>
    <t>Colombia</t>
  </si>
  <si>
    <t>Comoros</t>
  </si>
  <si>
    <t>Congo</t>
  </si>
  <si>
    <t>Costa Rica</t>
  </si>
  <si>
    <t>Côte d'Ivoire</t>
  </si>
  <si>
    <t>Croatia</t>
  </si>
  <si>
    <t>Cuba</t>
  </si>
  <si>
    <t>Cyprus</t>
  </si>
  <si>
    <t>Czech Republic</t>
  </si>
  <si>
    <t>Democratic Republic of Congo</t>
  </si>
  <si>
    <t>Denmark</t>
  </si>
  <si>
    <t>Djibouti</t>
  </si>
  <si>
    <t>Dominica</t>
  </si>
  <si>
    <t>Ecuador</t>
  </si>
  <si>
    <t>Dominican Republic</t>
  </si>
  <si>
    <t>Egypt</t>
  </si>
  <si>
    <t>El Salvador</t>
  </si>
  <si>
    <t>Equatorial Guinea</t>
  </si>
  <si>
    <t>Eritrea</t>
  </si>
  <si>
    <t>Estonia</t>
  </si>
  <si>
    <t>Eswatini</t>
  </si>
  <si>
    <t>Ethiopia</t>
  </si>
  <si>
    <t>Fiji</t>
  </si>
  <si>
    <t>Finland</t>
  </si>
  <si>
    <t>France</t>
  </si>
  <si>
    <t>French Guiana</t>
  </si>
  <si>
    <t>Gabon</t>
  </si>
  <si>
    <t>Gambia</t>
  </si>
  <si>
    <t>Georgia</t>
  </si>
  <si>
    <t>Germany</t>
  </si>
  <si>
    <t>Ghana</t>
  </si>
  <si>
    <t>Greece</t>
  </si>
  <si>
    <t>Grenada</t>
  </si>
  <si>
    <t>Guatemala</t>
  </si>
  <si>
    <t>Guinea</t>
  </si>
  <si>
    <t>Guinea-Bissau</t>
  </si>
  <si>
    <t>Guyana</t>
  </si>
  <si>
    <t>Haiti</t>
  </si>
  <si>
    <t>Honduras</t>
  </si>
  <si>
    <t>Hungary</t>
  </si>
  <si>
    <t>India</t>
  </si>
  <si>
    <t>Indonesia</t>
  </si>
  <si>
    <t>Iraq</t>
  </si>
  <si>
    <t>Ireland</t>
  </si>
  <si>
    <t>Islamic Republic of Iran</t>
  </si>
  <si>
    <t>Israel</t>
  </si>
  <si>
    <t>Italy</t>
  </si>
  <si>
    <t>Jamaica</t>
  </si>
  <si>
    <t>Japan</t>
  </si>
  <si>
    <t>Jordan</t>
  </si>
  <si>
    <t>Kazakhstan</t>
  </si>
  <si>
    <t>Kenya</t>
  </si>
  <si>
    <t>Korea</t>
  </si>
  <si>
    <t>Korea, Republic of</t>
  </si>
  <si>
    <t>Kuwait</t>
  </si>
  <si>
    <t>Kyrgyzstan</t>
  </si>
  <si>
    <t>Lao People's Democratic Republic</t>
  </si>
  <si>
    <t>Latvia</t>
  </si>
  <si>
    <t>Lebanon</t>
  </si>
  <si>
    <t>Lesotho</t>
  </si>
  <si>
    <t>Liberia</t>
  </si>
  <si>
    <t>Libyan Arab Jamahiriya</t>
  </si>
  <si>
    <t>Lithuania</t>
  </si>
  <si>
    <t>Luxembourg</t>
  </si>
  <si>
    <t>Macedonia TFYR</t>
  </si>
  <si>
    <t>Madagascar</t>
  </si>
  <si>
    <t>Malawi</t>
  </si>
  <si>
    <t>Malaysia</t>
  </si>
  <si>
    <t>Mali</t>
  </si>
  <si>
    <t>Malta</t>
  </si>
  <si>
    <t>Mauritania</t>
  </si>
  <si>
    <t>Mauritius</t>
  </si>
  <si>
    <t>Mexico</t>
  </si>
  <si>
    <t>Moldova</t>
  </si>
  <si>
    <t>Mongolia</t>
  </si>
  <si>
    <t>Montenegro</t>
  </si>
  <si>
    <t>Morocco</t>
  </si>
  <si>
    <t>Mozambique</t>
  </si>
  <si>
    <t>Myanmar</t>
  </si>
  <si>
    <t>Namibia</t>
  </si>
  <si>
    <t>Nepal</t>
  </si>
  <si>
    <t>Netherlands</t>
  </si>
  <si>
    <t>New Zealand</t>
  </si>
  <si>
    <t>Nicaragua</t>
  </si>
  <si>
    <t>Niger</t>
  </si>
  <si>
    <t>Nigeria</t>
  </si>
  <si>
    <t>Norway</t>
  </si>
  <si>
    <t>Oman</t>
  </si>
  <si>
    <t>Pakistan</t>
  </si>
  <si>
    <t>Panama</t>
  </si>
  <si>
    <t>Papua New Guinea</t>
  </si>
  <si>
    <t>Paraguay</t>
  </si>
  <si>
    <t>Peru</t>
  </si>
  <si>
    <t>Philippines</t>
  </si>
  <si>
    <t>Poland</t>
  </si>
  <si>
    <t>Portugal</t>
  </si>
  <si>
    <t>Qatar</t>
  </si>
  <si>
    <t>Romania</t>
  </si>
  <si>
    <t>Russian Federation</t>
  </si>
  <si>
    <t>Rwanda</t>
  </si>
  <si>
    <t>Saint Lucia</t>
  </si>
  <si>
    <t>Samoa</t>
  </si>
  <si>
    <t>Sao Tome and Principe</t>
  </si>
  <si>
    <t>Saudi Arabia</t>
  </si>
  <si>
    <t>Senegal</t>
  </si>
  <si>
    <t>Serbia</t>
  </si>
  <si>
    <t>Sierra Leone</t>
  </si>
  <si>
    <t>Singapore</t>
  </si>
  <si>
    <t>Slovakia</t>
  </si>
  <si>
    <t>Slovenia</t>
  </si>
  <si>
    <t>Solomon Islands</t>
  </si>
  <si>
    <t>Somalia</t>
  </si>
  <si>
    <t>South Africa</t>
  </si>
  <si>
    <t>South Sudan</t>
  </si>
  <si>
    <t>Spain</t>
  </si>
  <si>
    <t>Sri Lanka</t>
  </si>
  <si>
    <t>Sudan</t>
  </si>
  <si>
    <t>Suriname</t>
  </si>
  <si>
    <t>Sweden</t>
  </si>
  <si>
    <t>Switzerland</t>
  </si>
  <si>
    <t>Syrian Arab Republic</t>
  </si>
  <si>
    <t>Tajikistan</t>
  </si>
  <si>
    <t>Tanzania, United Republic of</t>
  </si>
  <si>
    <t>Thailand</t>
  </si>
  <si>
    <t>Timor-Leste</t>
  </si>
  <si>
    <t>Togo</t>
  </si>
  <si>
    <t>Tonga</t>
  </si>
  <si>
    <t>Trinidad and Tobago</t>
  </si>
  <si>
    <t>Tunisia</t>
  </si>
  <si>
    <t>Turkey</t>
  </si>
  <si>
    <t>Turkmenistan</t>
  </si>
  <si>
    <t>Uganda</t>
  </si>
  <si>
    <t>Ukraine</t>
  </si>
  <si>
    <t>United Arab Emirates</t>
  </si>
  <si>
    <t>United Kingdom</t>
  </si>
  <si>
    <t>United States of America</t>
  </si>
  <si>
    <t>Uruguay</t>
  </si>
  <si>
    <t>Uzbekistan</t>
  </si>
  <si>
    <t>Viet Nam</t>
  </si>
  <si>
    <t>Yemen</t>
  </si>
  <si>
    <t>Zambia</t>
  </si>
  <si>
    <t>Zimbabwe</t>
  </si>
  <si>
    <t>https://data.footprintnetwork.org/?_ga=2.67928725.548786631.1583394135-1720997595.1583394135#/</t>
  </si>
  <si>
    <t xml:space="preserv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43" formatCode="_-* #,##0.00_-;\-* #,##0.00_-;_-* &quot;-&quot;??_-;_-@_-"/>
    <numFmt numFmtId="164" formatCode="_-* #,##0_-;\-* #,##0_-;_-* &quot;-&quot;??_-;_-@_-"/>
  </numFmts>
  <fonts count="7">
    <font>
      <sz val="11"/>
      <color theme="1"/>
      <name val="Aptos Narrow"/>
      <family val="2"/>
      <scheme val="minor"/>
    </font>
    <font>
      <sz val="18"/>
      <color theme="3"/>
      <name val="Aptos Display"/>
      <family val="2"/>
      <scheme val="major"/>
    </font>
    <font>
      <sz val="18"/>
      <color theme="0"/>
      <name val="Aptos Display"/>
      <family val="2"/>
      <scheme val="major"/>
    </font>
    <font>
      <sz val="11"/>
      <color theme="1"/>
      <name val="Aptos Narrow"/>
      <family val="2"/>
      <scheme val="minor"/>
    </font>
    <font>
      <sz val="11"/>
      <color theme="0"/>
      <name val="Aptos Narrow"/>
      <family val="2"/>
      <scheme val="minor"/>
    </font>
    <font>
      <b/>
      <sz val="11"/>
      <name val="Aptos Narrow"/>
      <family val="2"/>
      <scheme val="minor"/>
    </font>
    <font>
      <u/>
      <sz val="11"/>
      <color theme="10"/>
      <name val="Aptos Narrow"/>
      <family val="2"/>
      <scheme val="minor"/>
    </font>
  </fonts>
  <fills count="4">
    <fill>
      <patternFill patternType="none"/>
    </fill>
    <fill>
      <patternFill patternType="gray125"/>
    </fill>
    <fill>
      <patternFill patternType="solid">
        <fgColor theme="4"/>
      </patternFill>
    </fill>
    <fill>
      <patternFill patternType="solid">
        <fgColor theme="6"/>
        <bgColor indexed="64"/>
      </patternFill>
    </fill>
  </fills>
  <borders count="1">
    <border>
      <left/>
      <right/>
      <top/>
      <bottom/>
      <diagonal/>
    </border>
  </borders>
  <cellStyleXfs count="5">
    <xf numFmtId="0" fontId="0" fillId="0" borderId="0"/>
    <xf numFmtId="43" fontId="3" fillId="0" borderId="0" applyFont="0" applyFill="0" applyBorder="0" applyAlignment="0" applyProtection="0"/>
    <xf numFmtId="0" fontId="1" fillId="0" borderId="0" applyNumberFormat="0" applyFill="0" applyBorder="0" applyAlignment="0" applyProtection="0"/>
    <xf numFmtId="0" fontId="4" fillId="2" borderId="0" applyNumberFormat="0" applyBorder="0" applyAlignment="0" applyProtection="0"/>
    <xf numFmtId="0" fontId="6" fillId="0" borderId="0" applyNumberFormat="0" applyFill="0" applyBorder="0" applyAlignment="0" applyProtection="0"/>
  </cellStyleXfs>
  <cellXfs count="6">
    <xf numFmtId="0" fontId="0" fillId="0" borderId="0" xfId="0"/>
    <xf numFmtId="0" fontId="2" fillId="3" borderId="0" xfId="2" applyFont="1" applyFill="1"/>
    <xf numFmtId="0" fontId="4" fillId="3" borderId="0" xfId="0" applyFont="1" applyFill="1"/>
    <xf numFmtId="0" fontId="5" fillId="0" borderId="0" xfId="3" applyFont="1" applyFill="1"/>
    <xf numFmtId="164" fontId="0" fillId="0" borderId="0" xfId="1" applyNumberFormat="1" applyFont="1"/>
    <xf numFmtId="0" fontId="6" fillId="0" borderId="0" xfId="4"/>
  </cellXfs>
  <cellStyles count="5">
    <cellStyle name="Accent1" xfId="3" builtinId="29"/>
    <cellStyle name="Comma" xfId="1" builtinId="3"/>
    <cellStyle name="Hyperlink" xfId="4" builtinId="8"/>
    <cellStyle name="Normal" xfId="0" builtinId="0"/>
    <cellStyle name="Title" xfId="2" builtinId="15"/>
  </cellStyles>
  <dxfs count="2">
    <dxf>
      <font>
        <b/>
        <i val="0"/>
        <strike val="0"/>
        <condense val="0"/>
        <extend val="0"/>
        <outline val="0"/>
        <shadow val="0"/>
        <u val="none"/>
        <vertAlign val="baseline"/>
        <sz val="11"/>
        <color auto="1"/>
        <name val="Aptos Narrow"/>
        <family val="2"/>
        <scheme val="minor"/>
      </font>
      <fill>
        <patternFill patternType="none">
          <fgColor indexed="64"/>
          <bgColor indexed="65"/>
        </patternFill>
      </fill>
    </dxf>
    <dxf>
      <font>
        <b val="0"/>
        <i val="0"/>
        <strike val="0"/>
        <condense val="0"/>
        <extend val="0"/>
        <outline val="0"/>
        <shadow val="0"/>
        <u val="none"/>
        <vertAlign val="baseline"/>
        <sz val="11"/>
        <color theme="1"/>
        <name val="Aptos Narrow"/>
        <family val="2"/>
        <scheme val="minor"/>
      </font>
      <numFmt numFmtId="164" formatCode="_-* #,##0_-;\-* #,##0_-;_-* &quot;-&quot;??_-;_-@_-"/>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microsoft.com/office/2007/relationships/slicerCache" Target="slicerCaches/slicerCach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harts/_rels/chartEx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chartEx1.xml><?xml version="1.0" encoding="utf-8"?>
<cx:chartSpace xmlns:a="http://schemas.openxmlformats.org/drawingml/2006/main" xmlns:r="http://schemas.openxmlformats.org/officeDocument/2006/relationships" xmlns:cx="http://schemas.microsoft.com/office/drawing/2014/chartex">
  <cx:chartData>
    <cx:data id="0">
      <cx:strDim type="cat">
        <cx:f>_xlchart.v5.6</cx:f>
        <cx:nf>_xlchart.v5.5</cx:nf>
      </cx:strDim>
      <cx:numDim type="colorVal">
        <cx:f>_xlchart.v5.9</cx:f>
        <cx:nf>_xlchart.v5.8</cx:nf>
      </cx:numDim>
    </cx:data>
  </cx:chartData>
  <cx:chart>
    <cx:title pos="t" align="ctr" overlay="0">
      <cx:tx>
        <cx:txData>
          <cx:v>BioCapacity</cx:v>
        </cx:txData>
      </cx:tx>
      <cx:txPr>
        <a:bodyPr spcFirstLastPara="1" vertOverflow="ellipsis" horzOverflow="overflow" wrap="square" lIns="0" tIns="0" rIns="0" bIns="0" anchor="ctr" anchorCtr="1"/>
        <a:lstStyle/>
        <a:p>
          <a:pPr algn="ctr" rtl="0">
            <a:defRPr/>
          </a:pPr>
          <a:r>
            <a:rPr lang="en-US" sz="1400" b="0" i="0" u="none" strike="noStrike" baseline="0">
              <a:solidFill>
                <a:sysClr val="windowText" lastClr="000000">
                  <a:lumMod val="65000"/>
                  <a:lumOff val="35000"/>
                </a:sysClr>
              </a:solidFill>
              <a:latin typeface="Aptos Narrow" panose="02110004020202020204"/>
            </a:rPr>
            <a:t>BioCapacity</a:t>
          </a:r>
        </a:p>
      </cx:txPr>
    </cx:title>
    <cx:plotArea>
      <cx:plotAreaRegion>
        <cx:plotSurface>
          <cx:spPr>
            <a:ln>
              <a:solidFill>
                <a:schemeClr val="bg1"/>
              </a:solidFill>
            </a:ln>
          </cx:spPr>
        </cx:plotSurface>
        <cx:series layoutId="regionMap" uniqueId="{D895DA1F-5CC4-4753-AC0A-F59E0925E053}">
          <cx:tx>
            <cx:txData>
              <cx:f>_xlchart.v5.8</cx:f>
              <cx:v>Biocapacity</cx:v>
            </cx:txData>
          </cx:tx>
          <cx:dataId val="0"/>
          <cx:layoutPr>
            <cx:regionLabelLayout val="bestFitOnly"/>
            <cx:geography projectionType="miller" viewedRegionType="dataOnly" cultureLanguage="en-US" cultureRegion="GB" attribution="Powered by Bing">
              <cx:geoCache provider="{E9337A44-BEBE-4D9F-B70C-5C5E7DAFC167}">
                <cx:binary>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</cx:binary>
              </cx:geoCache>
            </cx:geography>
          </cx:layoutPr>
          <cx:valueColors>
            <cx:minColor>
              <a:schemeClr val="accent6">
                <a:lumMod val="20000"/>
                <a:lumOff val="80000"/>
              </a:schemeClr>
            </cx:minColor>
            <cx:maxColor>
              <a:schemeClr val="accent6">
                <a:lumMod val="50000"/>
              </a:schemeClr>
            </cx:maxColor>
          </cx:valueColors>
        </cx:series>
      </cx:plotAreaRegion>
    </cx:plotArea>
    <cx:legend pos="r" align="min" overlay="0"/>
  </cx:chart>
  <cx:spPr>
    <a:ln>
      <a:solidFill>
        <a:schemeClr val="accent6">
          <a:lumMod val="75000"/>
        </a:schemeClr>
      </a:solidFill>
    </a:ln>
  </cx:spPr>
</cx: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494">
  <cs:axisTitle>
    <cs:lnRef idx="0"/>
    <cs:fillRef idx="0"/>
    <cs:effectRef idx="0"/>
    <cs:fontRef idx="minor">
      <a:schemeClr val="tx1">
        <a:lumMod val="65000"/>
        <a:lumOff val="35000"/>
      </a:schemeClr>
    </cs:fontRef>
    <cs:defRPr sz="9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cs:chartArea>
  <cs:dataLabel>
    <cs:lnRef idx="0"/>
    <cs:fillRef idx="0"/>
    <cs:effectRef idx="0"/>
    <cs:fontRef idx="minor">
      <a:schemeClr val="tx1">
        <a:lumMod val="65000"/>
        <a:lumOff val="35000"/>
      </a:schemeClr>
    </cs:fontRef>
    <cs:defRPr sz="85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a:ln w="3175">
        <a:solidFill>
          <a:schemeClr val="bg1"/>
        </a:solidFill>
      </a:ln>
    </cs:spPr>
  </cs:dataPoint>
  <cs:dataPoint3D>
    <cs:lnRef idx="0"/>
    <cs:fillRef idx="0">
      <cs:styleClr val="auto"/>
    </cs:fillRef>
    <cs:effectRef idx="0"/>
    <cs:fontRef idx="minor">
      <a:schemeClr val="tx1"/>
    </cs:fontRef>
    <cs:spPr>
      <a:solidFill>
        <a:schemeClr val="phClr"/>
      </a:solidFill>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5"/>
  <cs:dataPointWireframe>
    <cs:lnRef idx="0">
      <cs:styleClr val="auto"/>
    </cs:lnRef>
    <cs:fillRef idx="0"/>
    <cs:effectRef idx="0"/>
    <cs:fontRef idx="minor">
      <a:schemeClr val="tx1"/>
    </cs:fontRef>
    <cs:spPr>
      <a:ln w="2857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15000"/>
            <a:lumOff val="8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seriesAxis>
  <cs:seriesLine>
    <cs:lnRef idx="0"/>
    <cs:fillRef idx="0"/>
    <cs:effectRef idx="0"/>
    <cs:fontRef idx="minor">
      <a:schemeClr val="tx1"/>
    </cs:fontRef>
    <cs:spPr>
      <a:ln w="9525" cap="flat">
        <a:solidFill>
          <a:srgbClr val="D9D9D9"/>
        </a:solidFill>
        <a:round/>
      </a:ln>
    </cs:spPr>
  </cs:seriesLine>
  <cs:title>
    <cs:lnRef idx="0"/>
    <cs:fillRef idx="0"/>
    <cs:effectRef idx="0"/>
    <cs:fontRef idx="minor">
      <a:schemeClr val="tx1">
        <a:lumMod val="65000"/>
        <a:lumOff val="35000"/>
      </a:schemeClr>
    </cs:fontRef>
    <cs:defRPr sz="140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9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cs:valueAxis>
  <cs:wall>
    <cs:lnRef idx="0"/>
    <cs:fillRef idx="0"/>
    <cs:effectRef idx="0"/>
    <cs:fontRef idx="minor">
      <a:schemeClr val="tx1"/>
    </cs:fontRef>
  </cs:wall>
</cs:chartStyle>
</file>

<file path=xl/drawings/_rels/drawing1.xml.rels><?xml version="1.0" encoding="UTF-8" standalone="yes"?>
<Relationships xmlns="http://schemas.openxmlformats.org/package/2006/relationships"><Relationship Id="rId1" Type="http://schemas.microsoft.com/office/2014/relationships/chartEx" Target="../charts/chartEx1.xml"/></Relationships>
</file>

<file path=xl/drawings/drawing1.xml><?xml version="1.0" encoding="utf-8"?>
<xdr:wsDr xmlns:xdr="http://schemas.openxmlformats.org/drawingml/2006/spreadsheetDrawing" xmlns:a="http://schemas.openxmlformats.org/drawingml/2006/main">
  <xdr:twoCellAnchor editAs="absolute">
    <xdr:from>
      <xdr:col>4</xdr:col>
      <xdr:colOff>257967</xdr:colOff>
      <xdr:row>2</xdr:row>
      <xdr:rowOff>80960</xdr:rowOff>
    </xdr:from>
    <xdr:to>
      <xdr:col>14</xdr:col>
      <xdr:colOff>476249</xdr:colOff>
      <xdr:row>26</xdr:row>
      <xdr:rowOff>47624</xdr:rowOff>
    </xdr:to>
    <mc:AlternateContent xmlns:mc="http://schemas.openxmlformats.org/markup-compatibility/2006">
      <mc:Choice xmlns:cx4="http://schemas.microsoft.com/office/drawing/2016/5/10/chartex" Requires="cx4">
        <xdr:graphicFrame macro="">
          <xdr:nvGraphicFramePr>
            <xdr:cNvPr id="3" name="Chart 2">
              <a:extLst>
                <a:ext uri="{FF2B5EF4-FFF2-40B4-BE49-F238E27FC236}">
                  <a16:creationId xmlns:a16="http://schemas.microsoft.com/office/drawing/2014/main" id="{3F0D7FCD-E3CC-4A63-BE79-18A243A7A375}"/>
                </a:ext>
              </a:extLst>
            </xdr:cNvPr>
            <xdr:cNvGraphicFramePr/>
          </xdr:nvGraphicFramePr>
          <xdr:xfrm>
            <a:off x="0" y="0"/>
            <a:ext cx="0" cy="0"/>
          </xdr:xfrm>
          <a:graphic>
            <a:graphicData uri="http://schemas.microsoft.com/office/drawing/2014/chartex">
              <cx:chart xmlns:cx="http://schemas.microsoft.com/office/drawing/2014/chartex" xmlns:r="http://schemas.openxmlformats.org/officeDocument/2006/relationships" r:id="rId1"/>
            </a:graphicData>
          </a:graphic>
        </xdr:graphicFrame>
      </mc:Choice>
      <mc:Fallback>
        <xdr:sp macro="" textlink="">
          <xdr:nvSpPr>
            <xdr:cNvPr id="0" name=""/>
            <xdr:cNvSpPr>
              <a:spLocks noTextEdit="1"/>
            </xdr:cNvSpPr>
          </xdr:nvSpPr>
          <xdr:spPr>
            <a:xfrm>
              <a:off x="6052342" y="708023"/>
              <a:ext cx="8401845" cy="4356101"/>
            </a:xfrm>
            <a:prstGeom prst="rect">
              <a:avLst/>
            </a:prstGeom>
            <a:solidFill>
              <a:prstClr val="white"/>
            </a:solidFill>
            <a:ln w="1">
              <a:solidFill>
                <a:prstClr val="green"/>
              </a:solidFill>
            </a:ln>
          </xdr:spPr>
          <xdr:txBody>
            <a:bodyPr vertOverflow="clip" horzOverflow="clip"/>
            <a:lstStyle/>
            <a:p>
              <a:r>
                <a:rPr lang="en-GB" sz="1100"/>
                <a:t>This chart isn't available in your version of Excel.
Editing this shape or saving this workbook into a different file format will permanently break the chart.</a:t>
              </a:r>
            </a:p>
          </xdr:txBody>
        </xdr:sp>
      </mc:Fallback>
    </mc:AlternateContent>
    <xdr:clientData/>
  </xdr:twoCellAnchor>
  <xdr:twoCellAnchor editAs="absolute">
    <xdr:from>
      <xdr:col>4</xdr:col>
      <xdr:colOff>254001</xdr:colOff>
      <xdr:row>26</xdr:row>
      <xdr:rowOff>7938</xdr:rowOff>
    </xdr:from>
    <xdr:to>
      <xdr:col>14</xdr:col>
      <xdr:colOff>468312</xdr:colOff>
      <xdr:row>29</xdr:row>
      <xdr:rowOff>79375</xdr:rowOff>
    </xdr:to>
    <mc:AlternateContent xmlns:mc="http://schemas.openxmlformats.org/markup-compatibility/2006">
      <mc:Choice xmlns:sle15="http://schemas.microsoft.com/office/drawing/2012/slicer" Requires="sle15">
        <xdr:graphicFrame macro="">
          <xdr:nvGraphicFramePr>
            <xdr:cNvPr id="4" name="Region">
              <a:extLst>
                <a:ext uri="{FF2B5EF4-FFF2-40B4-BE49-F238E27FC236}">
                  <a16:creationId xmlns:a16="http://schemas.microsoft.com/office/drawing/2014/main" id="{C4B11314-569E-4869-8C31-36D12E136D5C}"/>
                </a:ext>
              </a:extLst>
            </xdr:cNvPr>
            <xdr:cNvGraphicFramePr/>
          </xdr:nvGraphicFramePr>
          <xdr:xfrm>
            <a:off x="0" y="0"/>
            <a:ext cx="0" cy="0"/>
          </xdr:xfrm>
          <a:graphic>
            <a:graphicData uri="http://schemas.microsoft.com/office/drawing/2010/slicer">
              <sle:slicer xmlns:sle="http://schemas.microsoft.com/office/drawing/2010/slicer" name="Region"/>
            </a:graphicData>
          </a:graphic>
        </xdr:graphicFrame>
      </mc:Choice>
      <mc:Fallback>
        <xdr:sp macro="" textlink="">
          <xdr:nvSpPr>
            <xdr:cNvPr id="0" name=""/>
            <xdr:cNvSpPr>
              <a:spLocks noTextEdit="1"/>
            </xdr:cNvSpPr>
          </xdr:nvSpPr>
          <xdr:spPr>
            <a:xfrm>
              <a:off x="6048376" y="5024438"/>
              <a:ext cx="8397874" cy="619125"/>
            </a:xfrm>
            <a:prstGeom prst="rect">
              <a:avLst/>
            </a:prstGeom>
            <a:solidFill>
              <a:prstClr val="white"/>
            </a:solidFill>
            <a:ln w="1">
              <a:solidFill>
                <a:prstClr val="green"/>
              </a:solidFill>
            </a:ln>
          </xdr:spPr>
          <xdr:txBody>
            <a:bodyPr vertOverflow="clip" horzOverflow="clip"/>
            <a:lstStyle/>
            <a:p>
              <a:r>
                <a:rPr lang="en-GB" sz="1100"/>
                <a:t>This shape represents a table slicer. Table slicers are not supported in this version of Excel.
If the shape was modified in an earlier version of Excel, or if the workbook was saved in Excel 2007 or earlier, the slicer can't be used.</a:t>
              </a:r>
            </a:p>
          </xdr:txBody>
        </xdr:sp>
      </mc:Fallback>
    </mc:AlternateContent>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anexa\Desktop\COURSERA\Data%20Visualization%20in%20Excel\WEEK%203\233%20-%20Geospatial%20charts.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nburst"/>
      <sheetName val="Treemap"/>
      <sheetName val="Waterfall"/>
      <sheetName val="Funnel"/>
      <sheetName val="Geospatial"/>
      <sheetName val="Population Charts"/>
      <sheetName val="Gauge Charts"/>
    </sheetNames>
    <sheetDataSet>
      <sheetData sheetId="0" refreshError="1"/>
      <sheetData sheetId="1" refreshError="1"/>
      <sheetData sheetId="2" refreshError="1"/>
      <sheetData sheetId="3" refreshError="1"/>
      <sheetData sheetId="4" refreshError="1"/>
      <sheetData sheetId="5">
        <row r="4">
          <cell r="A4">
            <v>1996</v>
          </cell>
          <cell r="F4">
            <v>6.8</v>
          </cell>
          <cell r="G4">
            <v>6.2</v>
          </cell>
        </row>
        <row r="5">
          <cell r="A5">
            <v>1996</v>
          </cell>
          <cell r="F5">
            <v>7</v>
          </cell>
          <cell r="G5">
            <v>6.3</v>
          </cell>
        </row>
        <row r="6">
          <cell r="A6">
            <v>1996</v>
          </cell>
          <cell r="F6">
            <v>6.6</v>
          </cell>
          <cell r="G6">
            <v>6</v>
          </cell>
          <cell r="I6">
            <v>1996</v>
          </cell>
        </row>
        <row r="7">
          <cell r="A7">
            <v>1996</v>
          </cell>
          <cell r="F7">
            <v>6.4</v>
          </cell>
          <cell r="G7">
            <v>5.8</v>
          </cell>
          <cell r="I7">
            <v>1997</v>
          </cell>
        </row>
        <row r="8">
          <cell r="A8">
            <v>1996</v>
          </cell>
          <cell r="F8">
            <v>6.8</v>
          </cell>
          <cell r="G8">
            <v>6.2</v>
          </cell>
          <cell r="I8">
            <v>1998</v>
          </cell>
        </row>
        <row r="9">
          <cell r="A9">
            <v>1996</v>
          </cell>
          <cell r="F9">
            <v>8</v>
          </cell>
          <cell r="G9">
            <v>7.4</v>
          </cell>
          <cell r="I9">
            <v>1999</v>
          </cell>
        </row>
        <row r="10">
          <cell r="A10">
            <v>1996</v>
          </cell>
          <cell r="F10">
            <v>8.1</v>
          </cell>
          <cell r="G10">
            <v>7.9</v>
          </cell>
          <cell r="I10">
            <v>2000</v>
          </cell>
        </row>
        <row r="11">
          <cell r="A11">
            <v>1996</v>
          </cell>
          <cell r="F11">
            <v>7.5</v>
          </cell>
          <cell r="G11">
            <v>7.1</v>
          </cell>
          <cell r="I11">
            <v>2001</v>
          </cell>
        </row>
        <row r="12">
          <cell r="A12">
            <v>1996</v>
          </cell>
          <cell r="F12">
            <v>6.6</v>
          </cell>
          <cell r="G12">
            <v>6.3</v>
          </cell>
          <cell r="I12">
            <v>2002</v>
          </cell>
        </row>
        <row r="13">
          <cell r="A13">
            <v>1996</v>
          </cell>
          <cell r="F13">
            <v>7.2</v>
          </cell>
          <cell r="G13">
            <v>6.9</v>
          </cell>
          <cell r="I13">
            <v>2003</v>
          </cell>
        </row>
        <row r="14">
          <cell r="A14">
            <v>1996</v>
          </cell>
          <cell r="F14">
            <v>6</v>
          </cell>
          <cell r="G14">
            <v>5.8</v>
          </cell>
          <cell r="I14">
            <v>2004</v>
          </cell>
        </row>
        <row r="15">
          <cell r="A15">
            <v>1996</v>
          </cell>
          <cell r="F15">
            <v>5.2</v>
          </cell>
          <cell r="G15">
            <v>5.0999999999999996</v>
          </cell>
          <cell r="I15">
            <v>2005</v>
          </cell>
        </row>
        <row r="16">
          <cell r="A16">
            <v>1996</v>
          </cell>
          <cell r="F16">
            <v>4.7</v>
          </cell>
          <cell r="G16">
            <v>4.8</v>
          </cell>
          <cell r="I16">
            <v>2006</v>
          </cell>
        </row>
        <row r="17">
          <cell r="A17">
            <v>1996</v>
          </cell>
          <cell r="F17">
            <v>4.3</v>
          </cell>
          <cell r="G17">
            <v>4.7</v>
          </cell>
          <cell r="I17">
            <v>2007</v>
          </cell>
        </row>
        <row r="18">
          <cell r="A18">
            <v>1996</v>
          </cell>
          <cell r="F18">
            <v>3.7</v>
          </cell>
          <cell r="G18">
            <v>4.5</v>
          </cell>
          <cell r="I18">
            <v>2008</v>
          </cell>
        </row>
        <row r="19">
          <cell r="A19">
            <v>1996</v>
          </cell>
          <cell r="F19">
            <v>2.6</v>
          </cell>
          <cell r="G19">
            <v>3.7</v>
          </cell>
          <cell r="I19">
            <v>2009</v>
          </cell>
        </row>
        <row r="20">
          <cell r="A20">
            <v>1996</v>
          </cell>
          <cell r="F20">
            <v>1.6</v>
          </cell>
          <cell r="G20">
            <v>2.8</v>
          </cell>
          <cell r="I20">
            <v>2010</v>
          </cell>
        </row>
        <row r="21">
          <cell r="A21">
            <v>1996</v>
          </cell>
          <cell r="F21">
            <v>0.7</v>
          </cell>
          <cell r="G21">
            <v>1.7</v>
          </cell>
          <cell r="I21">
            <v>2011</v>
          </cell>
        </row>
        <row r="22">
          <cell r="A22">
            <v>1996</v>
          </cell>
          <cell r="F22">
            <v>0.2</v>
          </cell>
          <cell r="G22">
            <v>0.7</v>
          </cell>
          <cell r="I22">
            <v>2012</v>
          </cell>
        </row>
        <row r="23">
          <cell r="A23">
            <v>1996</v>
          </cell>
          <cell r="F23">
            <v>0</v>
          </cell>
          <cell r="G23">
            <v>0.2</v>
          </cell>
          <cell r="I23">
            <v>2013</v>
          </cell>
        </row>
        <row r="24">
          <cell r="A24">
            <v>1997</v>
          </cell>
          <cell r="F24">
            <v>6.6</v>
          </cell>
          <cell r="G24">
            <v>6.1</v>
          </cell>
          <cell r="I24">
            <v>2014</v>
          </cell>
        </row>
        <row r="25">
          <cell r="A25">
            <v>1997</v>
          </cell>
          <cell r="F25">
            <v>7</v>
          </cell>
          <cell r="G25">
            <v>6.4</v>
          </cell>
          <cell r="I25">
            <v>2015</v>
          </cell>
        </row>
        <row r="26">
          <cell r="A26">
            <v>1997</v>
          </cell>
          <cell r="F26">
            <v>6.6</v>
          </cell>
          <cell r="G26">
            <v>6</v>
          </cell>
          <cell r="I26">
            <v>2016</v>
          </cell>
        </row>
        <row r="27">
          <cell r="A27">
            <v>1997</v>
          </cell>
          <cell r="F27">
            <v>6.5</v>
          </cell>
          <cell r="G27">
            <v>5.9</v>
          </cell>
          <cell r="I27">
            <v>2017</v>
          </cell>
        </row>
        <row r="28">
          <cell r="A28">
            <v>1997</v>
          </cell>
          <cell r="F28">
            <v>6.5</v>
          </cell>
          <cell r="G28">
            <v>6</v>
          </cell>
          <cell r="I28">
            <v>2018</v>
          </cell>
        </row>
        <row r="29">
          <cell r="A29">
            <v>1997</v>
          </cell>
          <cell r="F29">
            <v>7.8</v>
          </cell>
          <cell r="G29">
            <v>7.2</v>
          </cell>
          <cell r="I29">
            <v>2019</v>
          </cell>
        </row>
        <row r="30">
          <cell r="A30">
            <v>1997</v>
          </cell>
          <cell r="F30">
            <v>8.1999999999999993</v>
          </cell>
          <cell r="G30">
            <v>7.9</v>
          </cell>
        </row>
        <row r="31">
          <cell r="A31">
            <v>1997</v>
          </cell>
          <cell r="F31">
            <v>7.6</v>
          </cell>
          <cell r="G31">
            <v>7.2</v>
          </cell>
        </row>
        <row r="32">
          <cell r="A32">
            <v>1997</v>
          </cell>
          <cell r="F32">
            <v>6.7</v>
          </cell>
          <cell r="G32">
            <v>6.4</v>
          </cell>
        </row>
        <row r="33">
          <cell r="A33">
            <v>1997</v>
          </cell>
          <cell r="F33">
            <v>6.8</v>
          </cell>
          <cell r="G33">
            <v>6.6</v>
          </cell>
        </row>
        <row r="34">
          <cell r="A34">
            <v>1997</v>
          </cell>
          <cell r="F34">
            <v>6.5</v>
          </cell>
          <cell r="G34">
            <v>6.3</v>
          </cell>
        </row>
        <row r="35">
          <cell r="A35">
            <v>1997</v>
          </cell>
          <cell r="F35">
            <v>5.2</v>
          </cell>
          <cell r="G35">
            <v>5.0999999999999996</v>
          </cell>
        </row>
        <row r="36">
          <cell r="A36">
            <v>1997</v>
          </cell>
          <cell r="F36">
            <v>4.7</v>
          </cell>
          <cell r="G36">
            <v>4.8</v>
          </cell>
        </row>
        <row r="37">
          <cell r="A37">
            <v>1997</v>
          </cell>
          <cell r="F37">
            <v>4.3</v>
          </cell>
          <cell r="G37">
            <v>4.7</v>
          </cell>
        </row>
        <row r="38">
          <cell r="A38">
            <v>1997</v>
          </cell>
          <cell r="F38">
            <v>3.7</v>
          </cell>
          <cell r="G38">
            <v>4.4000000000000004</v>
          </cell>
        </row>
        <row r="39">
          <cell r="A39">
            <v>1997</v>
          </cell>
          <cell r="F39">
            <v>2.7</v>
          </cell>
          <cell r="G39">
            <v>3.8</v>
          </cell>
        </row>
        <row r="40">
          <cell r="A40">
            <v>1997</v>
          </cell>
          <cell r="F40">
            <v>1.5</v>
          </cell>
          <cell r="G40">
            <v>2.7</v>
          </cell>
        </row>
        <row r="41">
          <cell r="A41">
            <v>1997</v>
          </cell>
          <cell r="F41">
            <v>0.7</v>
          </cell>
          <cell r="G41">
            <v>1.7</v>
          </cell>
        </row>
        <row r="42">
          <cell r="A42">
            <v>1997</v>
          </cell>
          <cell r="F42">
            <v>0.2</v>
          </cell>
          <cell r="G42">
            <v>0.7</v>
          </cell>
        </row>
        <row r="43">
          <cell r="A43">
            <v>1997</v>
          </cell>
          <cell r="F43">
            <v>0</v>
          </cell>
          <cell r="G43">
            <v>0.2</v>
          </cell>
        </row>
        <row r="44">
          <cell r="A44">
            <v>1998</v>
          </cell>
          <cell r="F44">
            <v>6.5</v>
          </cell>
          <cell r="G44">
            <v>6</v>
          </cell>
        </row>
        <row r="45">
          <cell r="A45">
            <v>1998</v>
          </cell>
          <cell r="F45">
            <v>7</v>
          </cell>
          <cell r="G45">
            <v>6.3</v>
          </cell>
        </row>
        <row r="46">
          <cell r="A46">
            <v>1998</v>
          </cell>
          <cell r="F46">
            <v>6.7</v>
          </cell>
          <cell r="G46">
            <v>6.1</v>
          </cell>
        </row>
        <row r="47">
          <cell r="A47">
            <v>1998</v>
          </cell>
          <cell r="F47">
            <v>6.6</v>
          </cell>
          <cell r="G47">
            <v>6</v>
          </cell>
        </row>
        <row r="48">
          <cell r="A48">
            <v>1998</v>
          </cell>
          <cell r="F48">
            <v>6.3</v>
          </cell>
          <cell r="G48">
            <v>5.8</v>
          </cell>
        </row>
        <row r="49">
          <cell r="A49">
            <v>1998</v>
          </cell>
          <cell r="F49">
            <v>7.6</v>
          </cell>
          <cell r="G49">
            <v>7</v>
          </cell>
        </row>
        <row r="50">
          <cell r="A50">
            <v>1998</v>
          </cell>
          <cell r="F50">
            <v>8.1999999999999993</v>
          </cell>
          <cell r="G50">
            <v>7.8</v>
          </cell>
        </row>
        <row r="51">
          <cell r="A51">
            <v>1998</v>
          </cell>
          <cell r="F51">
            <v>7.7</v>
          </cell>
          <cell r="G51">
            <v>7.4</v>
          </cell>
        </row>
        <row r="52">
          <cell r="A52">
            <v>1998</v>
          </cell>
          <cell r="F52">
            <v>6.9</v>
          </cell>
          <cell r="G52">
            <v>6.5</v>
          </cell>
        </row>
        <row r="53">
          <cell r="A53">
            <v>1998</v>
          </cell>
          <cell r="F53">
            <v>6.6</v>
          </cell>
          <cell r="G53">
            <v>6.4</v>
          </cell>
        </row>
        <row r="54">
          <cell r="A54">
            <v>1998</v>
          </cell>
          <cell r="F54">
            <v>6.7</v>
          </cell>
          <cell r="G54">
            <v>6.6</v>
          </cell>
        </row>
        <row r="55">
          <cell r="A55">
            <v>1998</v>
          </cell>
          <cell r="F55">
            <v>5.2</v>
          </cell>
          <cell r="G55">
            <v>5.2</v>
          </cell>
        </row>
        <row r="56">
          <cell r="A56">
            <v>1998</v>
          </cell>
          <cell r="F56">
            <v>4.8</v>
          </cell>
          <cell r="G56">
            <v>4.8</v>
          </cell>
        </row>
        <row r="57">
          <cell r="A57">
            <v>1998</v>
          </cell>
          <cell r="F57">
            <v>4.3</v>
          </cell>
          <cell r="G57">
            <v>4.5999999999999996</v>
          </cell>
        </row>
        <row r="58">
          <cell r="A58">
            <v>1998</v>
          </cell>
          <cell r="F58">
            <v>3.7</v>
          </cell>
          <cell r="G58">
            <v>4.3</v>
          </cell>
        </row>
        <row r="59">
          <cell r="A59">
            <v>1998</v>
          </cell>
          <cell r="F59">
            <v>2.8</v>
          </cell>
          <cell r="G59">
            <v>3.9</v>
          </cell>
        </row>
        <row r="60">
          <cell r="A60">
            <v>1998</v>
          </cell>
          <cell r="F60">
            <v>1.5</v>
          </cell>
          <cell r="G60">
            <v>2.6</v>
          </cell>
        </row>
        <row r="61">
          <cell r="A61">
            <v>1998</v>
          </cell>
          <cell r="F61">
            <v>0.7</v>
          </cell>
          <cell r="G61">
            <v>1.7</v>
          </cell>
        </row>
        <row r="62">
          <cell r="A62">
            <v>1998</v>
          </cell>
          <cell r="F62">
            <v>0.2</v>
          </cell>
          <cell r="G62">
            <v>0.8</v>
          </cell>
        </row>
        <row r="63">
          <cell r="A63">
            <v>1998</v>
          </cell>
          <cell r="F63">
            <v>0</v>
          </cell>
          <cell r="G63">
            <v>0.2</v>
          </cell>
        </row>
        <row r="64">
          <cell r="A64">
            <v>1999</v>
          </cell>
          <cell r="F64">
            <v>6.4</v>
          </cell>
          <cell r="G64">
            <v>5.9</v>
          </cell>
        </row>
        <row r="65">
          <cell r="A65">
            <v>1999</v>
          </cell>
          <cell r="F65">
            <v>6.9</v>
          </cell>
          <cell r="G65">
            <v>6.3</v>
          </cell>
        </row>
        <row r="66">
          <cell r="A66">
            <v>1999</v>
          </cell>
          <cell r="F66">
            <v>6.8</v>
          </cell>
          <cell r="G66">
            <v>6.2</v>
          </cell>
        </row>
        <row r="67">
          <cell r="A67">
            <v>1999</v>
          </cell>
          <cell r="F67">
            <v>6.6</v>
          </cell>
          <cell r="G67">
            <v>6</v>
          </cell>
        </row>
        <row r="68">
          <cell r="A68">
            <v>1999</v>
          </cell>
          <cell r="F68">
            <v>6.3</v>
          </cell>
          <cell r="G68">
            <v>5.8</v>
          </cell>
        </row>
        <row r="69">
          <cell r="A69">
            <v>1999</v>
          </cell>
          <cell r="F69">
            <v>7.3</v>
          </cell>
          <cell r="G69">
            <v>6.8</v>
          </cell>
        </row>
        <row r="70">
          <cell r="A70">
            <v>1999</v>
          </cell>
          <cell r="F70">
            <v>8.1</v>
          </cell>
          <cell r="G70">
            <v>7.7</v>
          </cell>
        </row>
        <row r="71">
          <cell r="A71">
            <v>1999</v>
          </cell>
          <cell r="F71">
            <v>7.8</v>
          </cell>
          <cell r="G71">
            <v>7.6</v>
          </cell>
        </row>
        <row r="72">
          <cell r="A72">
            <v>1999</v>
          </cell>
          <cell r="F72">
            <v>7</v>
          </cell>
          <cell r="G72">
            <v>6.7</v>
          </cell>
        </row>
        <row r="73">
          <cell r="A73">
            <v>1999</v>
          </cell>
          <cell r="F73">
            <v>6.5</v>
          </cell>
          <cell r="G73">
            <v>6.3</v>
          </cell>
        </row>
        <row r="74">
          <cell r="A74">
            <v>1999</v>
          </cell>
          <cell r="F74">
            <v>6.9</v>
          </cell>
          <cell r="G74">
            <v>6.7</v>
          </cell>
        </row>
        <row r="75">
          <cell r="A75">
            <v>1999</v>
          </cell>
          <cell r="F75">
            <v>5.3</v>
          </cell>
          <cell r="G75">
            <v>5.3</v>
          </cell>
        </row>
        <row r="76">
          <cell r="A76">
            <v>1999</v>
          </cell>
          <cell r="F76">
            <v>4.8</v>
          </cell>
          <cell r="G76">
            <v>4.8</v>
          </cell>
        </row>
        <row r="77">
          <cell r="A77">
            <v>1999</v>
          </cell>
          <cell r="F77">
            <v>4.2</v>
          </cell>
          <cell r="G77">
            <v>4.5</v>
          </cell>
        </row>
        <row r="78">
          <cell r="A78">
            <v>1999</v>
          </cell>
          <cell r="F78">
            <v>3.6</v>
          </cell>
          <cell r="G78">
            <v>4.3</v>
          </cell>
        </row>
        <row r="79">
          <cell r="A79">
            <v>1999</v>
          </cell>
          <cell r="F79">
            <v>2.9</v>
          </cell>
          <cell r="G79">
            <v>4</v>
          </cell>
        </row>
        <row r="80">
          <cell r="A80">
            <v>1999</v>
          </cell>
          <cell r="F80">
            <v>1.4</v>
          </cell>
          <cell r="G80">
            <v>2.5</v>
          </cell>
        </row>
        <row r="81">
          <cell r="A81">
            <v>1999</v>
          </cell>
          <cell r="F81">
            <v>0.8</v>
          </cell>
          <cell r="G81">
            <v>1.8</v>
          </cell>
        </row>
        <row r="82">
          <cell r="A82">
            <v>1999</v>
          </cell>
          <cell r="F82">
            <v>0.2</v>
          </cell>
          <cell r="G82">
            <v>0.8</v>
          </cell>
        </row>
        <row r="83">
          <cell r="A83">
            <v>1999</v>
          </cell>
          <cell r="F83">
            <v>0</v>
          </cell>
          <cell r="G83">
            <v>0.2</v>
          </cell>
        </row>
        <row r="84">
          <cell r="A84">
            <v>2000</v>
          </cell>
          <cell r="F84">
            <v>6.3</v>
          </cell>
          <cell r="G84">
            <v>5.8</v>
          </cell>
        </row>
        <row r="85">
          <cell r="A85">
            <v>2000</v>
          </cell>
          <cell r="F85">
            <v>6.8</v>
          </cell>
          <cell r="G85">
            <v>6.2</v>
          </cell>
        </row>
        <row r="86">
          <cell r="A86">
            <v>2000</v>
          </cell>
          <cell r="F86">
            <v>6.8</v>
          </cell>
          <cell r="G86">
            <v>6.3</v>
          </cell>
        </row>
        <row r="87">
          <cell r="A87">
            <v>2000</v>
          </cell>
          <cell r="F87">
            <v>6.6</v>
          </cell>
          <cell r="G87">
            <v>6</v>
          </cell>
        </row>
        <row r="88">
          <cell r="A88">
            <v>2000</v>
          </cell>
          <cell r="F88">
            <v>6.4</v>
          </cell>
          <cell r="G88">
            <v>5.8</v>
          </cell>
        </row>
        <row r="89">
          <cell r="A89">
            <v>2000</v>
          </cell>
          <cell r="F89">
            <v>7.1</v>
          </cell>
          <cell r="G89">
            <v>6.5</v>
          </cell>
        </row>
        <row r="90">
          <cell r="A90">
            <v>2000</v>
          </cell>
          <cell r="F90">
            <v>8</v>
          </cell>
          <cell r="G90">
            <v>7.5</v>
          </cell>
        </row>
        <row r="91">
          <cell r="A91">
            <v>2000</v>
          </cell>
          <cell r="F91">
            <v>8</v>
          </cell>
          <cell r="G91">
            <v>7.8</v>
          </cell>
        </row>
        <row r="92">
          <cell r="A92">
            <v>2000</v>
          </cell>
          <cell r="F92">
            <v>7.2</v>
          </cell>
          <cell r="G92">
            <v>6.8</v>
          </cell>
        </row>
        <row r="93">
          <cell r="A93">
            <v>2000</v>
          </cell>
          <cell r="F93">
            <v>6.4</v>
          </cell>
          <cell r="G93">
            <v>6.2</v>
          </cell>
        </row>
        <row r="94">
          <cell r="A94">
            <v>2000</v>
          </cell>
          <cell r="F94">
            <v>6.9</v>
          </cell>
          <cell r="G94">
            <v>6.7</v>
          </cell>
        </row>
        <row r="95">
          <cell r="A95">
            <v>2000</v>
          </cell>
          <cell r="F95">
            <v>5.5</v>
          </cell>
          <cell r="G95">
            <v>5.4</v>
          </cell>
        </row>
        <row r="96">
          <cell r="A96">
            <v>2000</v>
          </cell>
          <cell r="F96">
            <v>4.8</v>
          </cell>
          <cell r="G96">
            <v>4.9000000000000004</v>
          </cell>
        </row>
        <row r="97">
          <cell r="A97">
            <v>2000</v>
          </cell>
          <cell r="F97">
            <v>4.2</v>
          </cell>
          <cell r="G97">
            <v>4.5</v>
          </cell>
        </row>
        <row r="98">
          <cell r="A98">
            <v>2000</v>
          </cell>
          <cell r="F98">
            <v>3.6</v>
          </cell>
          <cell r="G98">
            <v>4.2</v>
          </cell>
        </row>
        <row r="99">
          <cell r="A99">
            <v>2000</v>
          </cell>
          <cell r="F99">
            <v>2.8</v>
          </cell>
          <cell r="G99">
            <v>3.9</v>
          </cell>
        </row>
        <row r="100">
          <cell r="A100">
            <v>2000</v>
          </cell>
          <cell r="F100">
            <v>1.5</v>
          </cell>
          <cell r="G100">
            <v>2.6</v>
          </cell>
        </row>
        <row r="101">
          <cell r="A101">
            <v>2000</v>
          </cell>
          <cell r="F101">
            <v>0.8</v>
          </cell>
          <cell r="G101">
            <v>1.8</v>
          </cell>
        </row>
        <row r="102">
          <cell r="A102">
            <v>2000</v>
          </cell>
          <cell r="F102">
            <v>0.2</v>
          </cell>
          <cell r="G102">
            <v>0.8</v>
          </cell>
        </row>
        <row r="103">
          <cell r="A103">
            <v>2000</v>
          </cell>
          <cell r="F103">
            <v>0</v>
          </cell>
          <cell r="G103">
            <v>0.2</v>
          </cell>
        </row>
        <row r="104">
          <cell r="A104">
            <v>2001</v>
          </cell>
          <cell r="F104">
            <v>6.2</v>
          </cell>
          <cell r="G104">
            <v>5.7</v>
          </cell>
        </row>
        <row r="105">
          <cell r="A105">
            <v>2001</v>
          </cell>
          <cell r="F105">
            <v>6.6</v>
          </cell>
          <cell r="G105">
            <v>6.1</v>
          </cell>
        </row>
        <row r="106">
          <cell r="A106">
            <v>2001</v>
          </cell>
          <cell r="F106">
            <v>6.9</v>
          </cell>
          <cell r="G106">
            <v>6.3</v>
          </cell>
        </row>
        <row r="107">
          <cell r="A107">
            <v>2001</v>
          </cell>
          <cell r="F107">
            <v>6.6</v>
          </cell>
          <cell r="G107">
            <v>6</v>
          </cell>
        </row>
        <row r="108">
          <cell r="A108">
            <v>2001</v>
          </cell>
          <cell r="F108">
            <v>6.4</v>
          </cell>
          <cell r="G108">
            <v>6</v>
          </cell>
        </row>
        <row r="109">
          <cell r="A109">
            <v>2001</v>
          </cell>
          <cell r="F109">
            <v>6.8</v>
          </cell>
          <cell r="G109">
            <v>6.3</v>
          </cell>
        </row>
        <row r="110">
          <cell r="A110">
            <v>2001</v>
          </cell>
          <cell r="F110">
            <v>7.9</v>
          </cell>
          <cell r="G110">
            <v>7.4</v>
          </cell>
        </row>
        <row r="111">
          <cell r="A111">
            <v>2001</v>
          </cell>
          <cell r="F111">
            <v>8</v>
          </cell>
          <cell r="G111">
            <v>7.8</v>
          </cell>
        </row>
        <row r="112">
          <cell r="A112">
            <v>2001</v>
          </cell>
          <cell r="F112">
            <v>7.4</v>
          </cell>
          <cell r="G112">
            <v>7</v>
          </cell>
        </row>
        <row r="113">
          <cell r="A113">
            <v>2001</v>
          </cell>
          <cell r="F113">
            <v>6.4</v>
          </cell>
          <cell r="G113">
            <v>6.2</v>
          </cell>
        </row>
        <row r="114">
          <cell r="A114">
            <v>2001</v>
          </cell>
          <cell r="F114">
            <v>6.9</v>
          </cell>
          <cell r="G114">
            <v>6.7</v>
          </cell>
        </row>
        <row r="115">
          <cell r="A115">
            <v>2001</v>
          </cell>
          <cell r="F115">
            <v>5.7</v>
          </cell>
          <cell r="G115">
            <v>5.6</v>
          </cell>
        </row>
        <row r="116">
          <cell r="A116">
            <v>2001</v>
          </cell>
          <cell r="F116">
            <v>4.8</v>
          </cell>
          <cell r="G116">
            <v>4.8</v>
          </cell>
        </row>
        <row r="117">
          <cell r="A117">
            <v>2001</v>
          </cell>
          <cell r="F117">
            <v>4.2</v>
          </cell>
          <cell r="G117">
            <v>4.4000000000000004</v>
          </cell>
        </row>
        <row r="118">
          <cell r="A118">
            <v>2001</v>
          </cell>
          <cell r="F118">
            <v>3.6</v>
          </cell>
          <cell r="G118">
            <v>4.2</v>
          </cell>
        </row>
        <row r="119">
          <cell r="A119">
            <v>2001</v>
          </cell>
          <cell r="F119">
            <v>2.8</v>
          </cell>
          <cell r="G119">
            <v>3.8</v>
          </cell>
        </row>
        <row r="120">
          <cell r="A120">
            <v>2001</v>
          </cell>
          <cell r="F120">
            <v>1.6</v>
          </cell>
          <cell r="G120">
            <v>2.7</v>
          </cell>
        </row>
        <row r="121">
          <cell r="A121">
            <v>2001</v>
          </cell>
          <cell r="F121">
            <v>0.8</v>
          </cell>
          <cell r="G121">
            <v>1.7</v>
          </cell>
        </row>
        <row r="122">
          <cell r="A122">
            <v>2001</v>
          </cell>
          <cell r="F122">
            <v>0.3</v>
          </cell>
          <cell r="G122">
            <v>0.8</v>
          </cell>
        </row>
        <row r="123">
          <cell r="A123">
            <v>2001</v>
          </cell>
          <cell r="F123">
            <v>0</v>
          </cell>
          <cell r="G123">
            <v>0.2</v>
          </cell>
        </row>
        <row r="124">
          <cell r="A124">
            <v>2002</v>
          </cell>
          <cell r="F124">
            <v>6</v>
          </cell>
          <cell r="G124">
            <v>5.6</v>
          </cell>
        </row>
        <row r="125">
          <cell r="A125">
            <v>2002</v>
          </cell>
          <cell r="F125">
            <v>6.5</v>
          </cell>
          <cell r="G125">
            <v>6</v>
          </cell>
        </row>
        <row r="126">
          <cell r="A126">
            <v>2002</v>
          </cell>
          <cell r="F126">
            <v>6.9</v>
          </cell>
          <cell r="G126">
            <v>6.3</v>
          </cell>
        </row>
        <row r="127">
          <cell r="A127">
            <v>2002</v>
          </cell>
          <cell r="F127">
            <v>6.7</v>
          </cell>
          <cell r="G127">
            <v>6.1</v>
          </cell>
        </row>
        <row r="128">
          <cell r="A128">
            <v>2002</v>
          </cell>
          <cell r="F128">
            <v>6.6</v>
          </cell>
          <cell r="G128">
            <v>6.1</v>
          </cell>
        </row>
        <row r="129">
          <cell r="A129">
            <v>2002</v>
          </cell>
          <cell r="F129">
            <v>6.6</v>
          </cell>
          <cell r="G129">
            <v>6.1</v>
          </cell>
        </row>
        <row r="130">
          <cell r="A130">
            <v>2002</v>
          </cell>
          <cell r="F130">
            <v>7.7</v>
          </cell>
          <cell r="G130">
            <v>7.2</v>
          </cell>
        </row>
        <row r="131">
          <cell r="A131">
            <v>2002</v>
          </cell>
          <cell r="F131">
            <v>8.1</v>
          </cell>
          <cell r="G131">
            <v>7.8</v>
          </cell>
        </row>
        <row r="132">
          <cell r="A132">
            <v>2002</v>
          </cell>
          <cell r="F132">
            <v>7.5</v>
          </cell>
          <cell r="G132">
            <v>7.2</v>
          </cell>
        </row>
        <row r="133">
          <cell r="A133">
            <v>2002</v>
          </cell>
          <cell r="F133">
            <v>6.5</v>
          </cell>
          <cell r="G133">
            <v>6.3</v>
          </cell>
        </row>
        <row r="134">
          <cell r="A134">
            <v>2002</v>
          </cell>
          <cell r="F134">
            <v>6.5</v>
          </cell>
          <cell r="G134">
            <v>6.4</v>
          </cell>
        </row>
        <row r="135">
          <cell r="A135">
            <v>2002</v>
          </cell>
          <cell r="F135">
            <v>6.1</v>
          </cell>
          <cell r="G135">
            <v>6.1</v>
          </cell>
        </row>
        <row r="136">
          <cell r="A136">
            <v>2002</v>
          </cell>
          <cell r="F136">
            <v>4.7</v>
          </cell>
          <cell r="G136">
            <v>4.8</v>
          </cell>
        </row>
        <row r="137">
          <cell r="A137">
            <v>2002</v>
          </cell>
          <cell r="F137">
            <v>4.2</v>
          </cell>
          <cell r="G137">
            <v>4.4000000000000004</v>
          </cell>
        </row>
        <row r="138">
          <cell r="A138">
            <v>2002</v>
          </cell>
          <cell r="F138">
            <v>3.6</v>
          </cell>
          <cell r="G138">
            <v>4.2</v>
          </cell>
        </row>
        <row r="139">
          <cell r="A139">
            <v>2002</v>
          </cell>
          <cell r="F139">
            <v>2.8</v>
          </cell>
          <cell r="G139">
            <v>3.7</v>
          </cell>
        </row>
        <row r="140">
          <cell r="A140">
            <v>2002</v>
          </cell>
          <cell r="F140">
            <v>1.7</v>
          </cell>
          <cell r="G140">
            <v>2.9</v>
          </cell>
        </row>
        <row r="141">
          <cell r="A141">
            <v>2002</v>
          </cell>
          <cell r="F141">
            <v>0.8</v>
          </cell>
          <cell r="G141">
            <v>1.7</v>
          </cell>
        </row>
        <row r="142">
          <cell r="A142">
            <v>2002</v>
          </cell>
          <cell r="F142">
            <v>0.3</v>
          </cell>
          <cell r="G142">
            <v>0.8</v>
          </cell>
        </row>
        <row r="143">
          <cell r="A143">
            <v>2002</v>
          </cell>
          <cell r="F143">
            <v>0.1</v>
          </cell>
          <cell r="G143">
            <v>0.2</v>
          </cell>
        </row>
        <row r="144">
          <cell r="A144">
            <v>2003</v>
          </cell>
          <cell r="F144">
            <v>5.9</v>
          </cell>
          <cell r="G144">
            <v>5.5</v>
          </cell>
        </row>
        <row r="145">
          <cell r="A145">
            <v>2003</v>
          </cell>
          <cell r="F145">
            <v>6.4</v>
          </cell>
          <cell r="G145">
            <v>5.9</v>
          </cell>
        </row>
        <row r="146">
          <cell r="A146">
            <v>2003</v>
          </cell>
          <cell r="F146">
            <v>6.8</v>
          </cell>
          <cell r="G146">
            <v>6.3</v>
          </cell>
        </row>
        <row r="147">
          <cell r="A147">
            <v>2003</v>
          </cell>
          <cell r="F147">
            <v>6.8</v>
          </cell>
          <cell r="G147">
            <v>6.2</v>
          </cell>
        </row>
        <row r="148">
          <cell r="A148">
            <v>2003</v>
          </cell>
          <cell r="F148">
            <v>6.7</v>
          </cell>
          <cell r="G148">
            <v>6.2</v>
          </cell>
        </row>
        <row r="149">
          <cell r="A149">
            <v>2003</v>
          </cell>
          <cell r="F149">
            <v>6.4</v>
          </cell>
          <cell r="G149">
            <v>5.9</v>
          </cell>
        </row>
        <row r="150">
          <cell r="A150">
            <v>2003</v>
          </cell>
          <cell r="F150">
            <v>7.5</v>
          </cell>
          <cell r="G150">
            <v>7</v>
          </cell>
        </row>
        <row r="151">
          <cell r="A151">
            <v>2003</v>
          </cell>
          <cell r="F151">
            <v>8.1</v>
          </cell>
          <cell r="G151">
            <v>7.8</v>
          </cell>
        </row>
        <row r="152">
          <cell r="A152">
            <v>2003</v>
          </cell>
          <cell r="F152">
            <v>7.6</v>
          </cell>
          <cell r="G152">
            <v>7.4</v>
          </cell>
        </row>
        <row r="153">
          <cell r="A153">
            <v>2003</v>
          </cell>
          <cell r="F153">
            <v>6.7</v>
          </cell>
          <cell r="G153">
            <v>6.4</v>
          </cell>
        </row>
        <row r="154">
          <cell r="A154">
            <v>2003</v>
          </cell>
          <cell r="F154">
            <v>6.3</v>
          </cell>
          <cell r="G154">
            <v>6.2</v>
          </cell>
        </row>
        <row r="155">
          <cell r="A155">
            <v>2003</v>
          </cell>
          <cell r="F155">
            <v>6.4</v>
          </cell>
          <cell r="G155">
            <v>6.3</v>
          </cell>
        </row>
        <row r="156">
          <cell r="A156">
            <v>2003</v>
          </cell>
          <cell r="F156">
            <v>4.8</v>
          </cell>
          <cell r="G156">
            <v>4.9000000000000004</v>
          </cell>
        </row>
        <row r="157">
          <cell r="A157">
            <v>2003</v>
          </cell>
          <cell r="F157">
            <v>4.2</v>
          </cell>
          <cell r="G157">
            <v>4.5</v>
          </cell>
        </row>
        <row r="158">
          <cell r="A158">
            <v>2003</v>
          </cell>
          <cell r="F158">
            <v>3.6</v>
          </cell>
          <cell r="G158">
            <v>4.0999999999999996</v>
          </cell>
        </row>
        <row r="159">
          <cell r="A159">
            <v>2003</v>
          </cell>
          <cell r="F159">
            <v>2.8</v>
          </cell>
          <cell r="G159">
            <v>3.6</v>
          </cell>
        </row>
        <row r="160">
          <cell r="A160">
            <v>2003</v>
          </cell>
          <cell r="F160">
            <v>1.8</v>
          </cell>
          <cell r="G160">
            <v>3</v>
          </cell>
        </row>
        <row r="161">
          <cell r="A161">
            <v>2003</v>
          </cell>
          <cell r="F161">
            <v>0.8</v>
          </cell>
          <cell r="G161">
            <v>1.6</v>
          </cell>
        </row>
        <row r="162">
          <cell r="A162">
            <v>2003</v>
          </cell>
          <cell r="F162">
            <v>0.3</v>
          </cell>
          <cell r="G162">
            <v>0.8</v>
          </cell>
        </row>
        <row r="163">
          <cell r="A163">
            <v>2003</v>
          </cell>
          <cell r="F163">
            <v>0.1</v>
          </cell>
          <cell r="G163">
            <v>0.2</v>
          </cell>
        </row>
        <row r="164">
          <cell r="A164">
            <v>2004</v>
          </cell>
          <cell r="F164">
            <v>5.9</v>
          </cell>
          <cell r="G164">
            <v>5.5</v>
          </cell>
        </row>
        <row r="165">
          <cell r="A165">
            <v>2004</v>
          </cell>
          <cell r="F165">
            <v>6.3</v>
          </cell>
          <cell r="G165">
            <v>5.8</v>
          </cell>
        </row>
        <row r="166">
          <cell r="A166">
            <v>2004</v>
          </cell>
          <cell r="F166">
            <v>6.7</v>
          </cell>
          <cell r="G166">
            <v>6.2</v>
          </cell>
        </row>
        <row r="167">
          <cell r="A167">
            <v>2004</v>
          </cell>
          <cell r="F167">
            <v>6.9</v>
          </cell>
          <cell r="G167">
            <v>6.3</v>
          </cell>
        </row>
        <row r="168">
          <cell r="A168">
            <v>2004</v>
          </cell>
          <cell r="F168">
            <v>6.8</v>
          </cell>
          <cell r="G168">
            <v>6.3</v>
          </cell>
        </row>
        <row r="169">
          <cell r="A169">
            <v>2004</v>
          </cell>
          <cell r="F169">
            <v>6.4</v>
          </cell>
          <cell r="G169">
            <v>5.9</v>
          </cell>
        </row>
        <row r="170">
          <cell r="A170">
            <v>2004</v>
          </cell>
          <cell r="F170">
            <v>7.3</v>
          </cell>
          <cell r="G170">
            <v>6.8</v>
          </cell>
        </row>
        <row r="171">
          <cell r="A171">
            <v>2004</v>
          </cell>
          <cell r="F171">
            <v>8</v>
          </cell>
          <cell r="G171">
            <v>7.7</v>
          </cell>
        </row>
        <row r="172">
          <cell r="A172">
            <v>2004</v>
          </cell>
          <cell r="F172">
            <v>7.7</v>
          </cell>
          <cell r="G172">
            <v>7.6</v>
          </cell>
        </row>
        <row r="173">
          <cell r="A173">
            <v>2004</v>
          </cell>
          <cell r="F173">
            <v>6.8</v>
          </cell>
          <cell r="G173">
            <v>6.6</v>
          </cell>
        </row>
        <row r="174">
          <cell r="A174">
            <v>2004</v>
          </cell>
          <cell r="F174">
            <v>6.2</v>
          </cell>
          <cell r="G174">
            <v>6.1</v>
          </cell>
        </row>
        <row r="175">
          <cell r="A175">
            <v>2004</v>
          </cell>
          <cell r="F175">
            <v>6.4</v>
          </cell>
          <cell r="G175">
            <v>6.4</v>
          </cell>
        </row>
        <row r="176">
          <cell r="A176">
            <v>2004</v>
          </cell>
          <cell r="F176">
            <v>4.9000000000000004</v>
          </cell>
          <cell r="G176">
            <v>5</v>
          </cell>
        </row>
        <row r="177">
          <cell r="A177">
            <v>2004</v>
          </cell>
          <cell r="F177">
            <v>4.3</v>
          </cell>
          <cell r="G177">
            <v>4.5</v>
          </cell>
        </row>
        <row r="178">
          <cell r="A178">
            <v>2004</v>
          </cell>
          <cell r="F178">
            <v>3.6</v>
          </cell>
          <cell r="G178">
            <v>4.0999999999999996</v>
          </cell>
        </row>
        <row r="179">
          <cell r="A179">
            <v>2004</v>
          </cell>
          <cell r="F179">
            <v>2.8</v>
          </cell>
          <cell r="G179">
            <v>3.6</v>
          </cell>
        </row>
        <row r="180">
          <cell r="A180">
            <v>2004</v>
          </cell>
          <cell r="F180">
            <v>1.9</v>
          </cell>
          <cell r="G180">
            <v>3</v>
          </cell>
        </row>
        <row r="181">
          <cell r="A181">
            <v>2004</v>
          </cell>
          <cell r="F181">
            <v>0.7</v>
          </cell>
          <cell r="G181">
            <v>1.6</v>
          </cell>
        </row>
        <row r="182">
          <cell r="A182">
            <v>2004</v>
          </cell>
          <cell r="F182">
            <v>0.3</v>
          </cell>
          <cell r="G182">
            <v>0.8</v>
          </cell>
        </row>
        <row r="183">
          <cell r="A183">
            <v>2004</v>
          </cell>
          <cell r="F183">
            <v>0.1</v>
          </cell>
          <cell r="G183">
            <v>0.2</v>
          </cell>
        </row>
        <row r="184">
          <cell r="A184">
            <v>2005</v>
          </cell>
          <cell r="F184">
            <v>5.9</v>
          </cell>
          <cell r="G184">
            <v>5.5</v>
          </cell>
        </row>
        <row r="185">
          <cell r="A185">
            <v>2005</v>
          </cell>
          <cell r="F185">
            <v>6.1</v>
          </cell>
          <cell r="G185">
            <v>5.7</v>
          </cell>
        </row>
        <row r="186">
          <cell r="A186">
            <v>2005</v>
          </cell>
          <cell r="F186">
            <v>6.6</v>
          </cell>
          <cell r="G186">
            <v>6.1</v>
          </cell>
        </row>
        <row r="187">
          <cell r="A187">
            <v>2005</v>
          </cell>
          <cell r="F187">
            <v>6.9</v>
          </cell>
          <cell r="G187">
            <v>6.4</v>
          </cell>
        </row>
        <row r="188">
          <cell r="A188">
            <v>2005</v>
          </cell>
          <cell r="F188">
            <v>6.8</v>
          </cell>
          <cell r="G188">
            <v>6.3</v>
          </cell>
        </row>
        <row r="189">
          <cell r="A189">
            <v>2005</v>
          </cell>
          <cell r="F189">
            <v>6.4</v>
          </cell>
          <cell r="G189">
            <v>6</v>
          </cell>
        </row>
        <row r="190">
          <cell r="A190">
            <v>2005</v>
          </cell>
          <cell r="F190">
            <v>7</v>
          </cell>
          <cell r="G190">
            <v>6.6</v>
          </cell>
        </row>
        <row r="191">
          <cell r="A191">
            <v>2005</v>
          </cell>
          <cell r="F191">
            <v>7.9</v>
          </cell>
          <cell r="G191">
            <v>7.5</v>
          </cell>
        </row>
        <row r="192">
          <cell r="A192">
            <v>2005</v>
          </cell>
          <cell r="F192">
            <v>7.9</v>
          </cell>
          <cell r="G192">
            <v>7.7</v>
          </cell>
        </row>
        <row r="193">
          <cell r="A193">
            <v>2005</v>
          </cell>
          <cell r="F193">
            <v>7</v>
          </cell>
          <cell r="G193">
            <v>6.7</v>
          </cell>
        </row>
        <row r="194">
          <cell r="A194">
            <v>2005</v>
          </cell>
          <cell r="F194">
            <v>6.1</v>
          </cell>
          <cell r="G194">
            <v>6</v>
          </cell>
        </row>
        <row r="195">
          <cell r="A195">
            <v>2005</v>
          </cell>
          <cell r="F195">
            <v>6.5</v>
          </cell>
          <cell r="G195">
            <v>6.5</v>
          </cell>
        </row>
        <row r="196">
          <cell r="A196">
            <v>2005</v>
          </cell>
          <cell r="F196">
            <v>5</v>
          </cell>
          <cell r="G196">
            <v>5.0999999999999996</v>
          </cell>
        </row>
        <row r="197">
          <cell r="A197">
            <v>2005</v>
          </cell>
          <cell r="F197">
            <v>4.3</v>
          </cell>
          <cell r="G197">
            <v>4.5</v>
          </cell>
        </row>
        <row r="198">
          <cell r="A198">
            <v>2005</v>
          </cell>
          <cell r="F198">
            <v>3.6</v>
          </cell>
          <cell r="G198">
            <v>4</v>
          </cell>
        </row>
        <row r="199">
          <cell r="A199">
            <v>2005</v>
          </cell>
          <cell r="F199">
            <v>2.8</v>
          </cell>
          <cell r="G199">
            <v>3.6</v>
          </cell>
        </row>
        <row r="200">
          <cell r="A200">
            <v>2005</v>
          </cell>
          <cell r="F200">
            <v>1.9</v>
          </cell>
          <cell r="G200">
            <v>2.9</v>
          </cell>
        </row>
        <row r="201">
          <cell r="A201">
            <v>2005</v>
          </cell>
          <cell r="F201">
            <v>0.8</v>
          </cell>
          <cell r="G201">
            <v>1.6</v>
          </cell>
        </row>
        <row r="202">
          <cell r="A202">
            <v>2005</v>
          </cell>
          <cell r="F202">
            <v>0.3</v>
          </cell>
          <cell r="G202">
            <v>0.8</v>
          </cell>
        </row>
        <row r="203">
          <cell r="A203">
            <v>2005</v>
          </cell>
          <cell r="F203">
            <v>0.1</v>
          </cell>
          <cell r="G203">
            <v>0.2</v>
          </cell>
        </row>
        <row r="204">
          <cell r="A204">
            <v>2006</v>
          </cell>
          <cell r="F204">
            <v>6</v>
          </cell>
          <cell r="G204">
            <v>5.5</v>
          </cell>
        </row>
        <row r="205">
          <cell r="A205">
            <v>2006</v>
          </cell>
          <cell r="F205">
            <v>6</v>
          </cell>
          <cell r="G205">
            <v>5.6</v>
          </cell>
        </row>
        <row r="206">
          <cell r="A206">
            <v>2006</v>
          </cell>
          <cell r="F206">
            <v>6.5</v>
          </cell>
          <cell r="G206">
            <v>6</v>
          </cell>
        </row>
        <row r="207">
          <cell r="A207">
            <v>2006</v>
          </cell>
          <cell r="F207">
            <v>7</v>
          </cell>
          <cell r="G207">
            <v>6.5</v>
          </cell>
        </row>
        <row r="208">
          <cell r="A208">
            <v>2006</v>
          </cell>
          <cell r="F208">
            <v>6.9</v>
          </cell>
          <cell r="G208">
            <v>6.4</v>
          </cell>
        </row>
        <row r="209">
          <cell r="A209">
            <v>2006</v>
          </cell>
          <cell r="F209">
            <v>6.6</v>
          </cell>
          <cell r="G209">
            <v>6.1</v>
          </cell>
        </row>
        <row r="210">
          <cell r="A210">
            <v>2006</v>
          </cell>
          <cell r="F210">
            <v>6.7</v>
          </cell>
          <cell r="G210">
            <v>6.3</v>
          </cell>
        </row>
        <row r="211">
          <cell r="A211">
            <v>2006</v>
          </cell>
          <cell r="F211">
            <v>7.8</v>
          </cell>
          <cell r="G211">
            <v>7.4</v>
          </cell>
        </row>
        <row r="212">
          <cell r="A212">
            <v>2006</v>
          </cell>
          <cell r="F212">
            <v>7.9</v>
          </cell>
          <cell r="G212">
            <v>7.8</v>
          </cell>
        </row>
        <row r="213">
          <cell r="A213">
            <v>2006</v>
          </cell>
          <cell r="F213">
            <v>7.2</v>
          </cell>
          <cell r="G213">
            <v>6.9</v>
          </cell>
        </row>
        <row r="214">
          <cell r="A214">
            <v>2006</v>
          </cell>
          <cell r="F214">
            <v>6.1</v>
          </cell>
          <cell r="G214">
            <v>6</v>
          </cell>
        </row>
        <row r="215">
          <cell r="A215">
            <v>2006</v>
          </cell>
          <cell r="F215">
            <v>6.4</v>
          </cell>
          <cell r="G215">
            <v>6.4</v>
          </cell>
        </row>
        <row r="216">
          <cell r="A216">
            <v>2006</v>
          </cell>
          <cell r="F216">
            <v>5.2</v>
          </cell>
          <cell r="G216">
            <v>5.4</v>
          </cell>
        </row>
        <row r="217">
          <cell r="A217">
            <v>2006</v>
          </cell>
          <cell r="F217">
            <v>4.2</v>
          </cell>
          <cell r="G217">
            <v>4.5</v>
          </cell>
        </row>
        <row r="218">
          <cell r="A218">
            <v>2006</v>
          </cell>
          <cell r="F218">
            <v>3.6</v>
          </cell>
          <cell r="G218">
            <v>4</v>
          </cell>
        </row>
        <row r="219">
          <cell r="A219">
            <v>2006</v>
          </cell>
          <cell r="F219">
            <v>2.8</v>
          </cell>
          <cell r="G219">
            <v>3.6</v>
          </cell>
        </row>
        <row r="220">
          <cell r="A220">
            <v>2006</v>
          </cell>
          <cell r="F220">
            <v>1.9</v>
          </cell>
          <cell r="G220">
            <v>2.9</v>
          </cell>
        </row>
        <row r="221">
          <cell r="A221">
            <v>2006</v>
          </cell>
          <cell r="F221">
            <v>0.9</v>
          </cell>
          <cell r="G221">
            <v>1.7</v>
          </cell>
        </row>
        <row r="222">
          <cell r="A222">
            <v>2006</v>
          </cell>
          <cell r="F222">
            <v>0.3</v>
          </cell>
          <cell r="G222">
            <v>0.8</v>
          </cell>
        </row>
        <row r="223">
          <cell r="A223">
            <v>2006</v>
          </cell>
          <cell r="F223">
            <v>0.1</v>
          </cell>
          <cell r="G223">
            <v>0.3</v>
          </cell>
        </row>
        <row r="224">
          <cell r="A224">
            <v>2007</v>
          </cell>
          <cell r="F224">
            <v>6.1</v>
          </cell>
          <cell r="G224">
            <v>5.7</v>
          </cell>
        </row>
        <row r="225">
          <cell r="A225">
            <v>2007</v>
          </cell>
          <cell r="F225">
            <v>5.9</v>
          </cell>
          <cell r="G225">
            <v>5.5</v>
          </cell>
        </row>
        <row r="226">
          <cell r="A226">
            <v>2007</v>
          </cell>
          <cell r="F226">
            <v>6.3</v>
          </cell>
          <cell r="G226">
            <v>5.9</v>
          </cell>
        </row>
        <row r="227">
          <cell r="A227">
            <v>2007</v>
          </cell>
          <cell r="F227">
            <v>6.9</v>
          </cell>
          <cell r="G227">
            <v>6.5</v>
          </cell>
        </row>
        <row r="228">
          <cell r="A228">
            <v>2007</v>
          </cell>
          <cell r="F228">
            <v>7</v>
          </cell>
          <cell r="G228">
            <v>6.5</v>
          </cell>
        </row>
        <row r="229">
          <cell r="A229">
            <v>2007</v>
          </cell>
          <cell r="F229">
            <v>6.7</v>
          </cell>
          <cell r="G229">
            <v>6.3</v>
          </cell>
        </row>
        <row r="230">
          <cell r="A230">
            <v>2007</v>
          </cell>
          <cell r="F230">
            <v>6.5</v>
          </cell>
          <cell r="G230">
            <v>6.1</v>
          </cell>
        </row>
        <row r="231">
          <cell r="A231">
            <v>2007</v>
          </cell>
          <cell r="F231">
            <v>7.6</v>
          </cell>
          <cell r="G231">
            <v>7.2</v>
          </cell>
        </row>
        <row r="232">
          <cell r="A232">
            <v>2007</v>
          </cell>
          <cell r="F232">
            <v>8</v>
          </cell>
          <cell r="G232">
            <v>7.8</v>
          </cell>
        </row>
        <row r="233">
          <cell r="A233">
            <v>2007</v>
          </cell>
          <cell r="F233">
            <v>7.3</v>
          </cell>
          <cell r="G233">
            <v>7.1</v>
          </cell>
        </row>
        <row r="234">
          <cell r="A234">
            <v>2007</v>
          </cell>
          <cell r="F234">
            <v>6.2</v>
          </cell>
          <cell r="G234">
            <v>6.1</v>
          </cell>
        </row>
        <row r="235">
          <cell r="A235">
            <v>2007</v>
          </cell>
          <cell r="F235">
            <v>6.1</v>
          </cell>
          <cell r="G235">
            <v>6.1</v>
          </cell>
        </row>
        <row r="236">
          <cell r="A236">
            <v>2007</v>
          </cell>
          <cell r="F236">
            <v>5.6</v>
          </cell>
          <cell r="G236">
            <v>5.7</v>
          </cell>
        </row>
        <row r="237">
          <cell r="A237">
            <v>2007</v>
          </cell>
          <cell r="F237">
            <v>4.2</v>
          </cell>
          <cell r="G237">
            <v>4.5</v>
          </cell>
        </row>
        <row r="238">
          <cell r="A238">
            <v>2007</v>
          </cell>
          <cell r="F238">
            <v>3.6</v>
          </cell>
          <cell r="G238">
            <v>4</v>
          </cell>
        </row>
        <row r="239">
          <cell r="A239">
            <v>2007</v>
          </cell>
          <cell r="F239">
            <v>2.8</v>
          </cell>
          <cell r="G239">
            <v>3.5</v>
          </cell>
        </row>
        <row r="240">
          <cell r="A240">
            <v>2007</v>
          </cell>
          <cell r="F240">
            <v>1.9</v>
          </cell>
          <cell r="G240">
            <v>2.8</v>
          </cell>
        </row>
        <row r="241">
          <cell r="A241">
            <v>2007</v>
          </cell>
          <cell r="F241">
            <v>1</v>
          </cell>
          <cell r="G241">
            <v>1.8</v>
          </cell>
        </row>
        <row r="242">
          <cell r="A242">
            <v>2007</v>
          </cell>
          <cell r="F242">
            <v>0.3</v>
          </cell>
          <cell r="G242">
            <v>0.8</v>
          </cell>
        </row>
        <row r="243">
          <cell r="A243">
            <v>2007</v>
          </cell>
          <cell r="F243">
            <v>0.1</v>
          </cell>
          <cell r="G243">
            <v>0.3</v>
          </cell>
        </row>
        <row r="244">
          <cell r="A244">
            <v>2008</v>
          </cell>
          <cell r="F244">
            <v>6.2</v>
          </cell>
          <cell r="G244">
            <v>5.8</v>
          </cell>
        </row>
        <row r="245">
          <cell r="A245">
            <v>2008</v>
          </cell>
          <cell r="F245">
            <v>5.7</v>
          </cell>
          <cell r="G245">
            <v>5.4</v>
          </cell>
        </row>
        <row r="246">
          <cell r="A246">
            <v>2008</v>
          </cell>
          <cell r="F246">
            <v>6.2</v>
          </cell>
          <cell r="G246">
            <v>5.8</v>
          </cell>
        </row>
        <row r="247">
          <cell r="A247">
            <v>2008</v>
          </cell>
          <cell r="F247">
            <v>6.8</v>
          </cell>
          <cell r="G247">
            <v>6.4</v>
          </cell>
        </row>
        <row r="248">
          <cell r="A248">
            <v>2008</v>
          </cell>
          <cell r="F248">
            <v>7.1</v>
          </cell>
          <cell r="G248">
            <v>6.6</v>
          </cell>
        </row>
        <row r="249">
          <cell r="A249">
            <v>2008</v>
          </cell>
          <cell r="F249">
            <v>6.8</v>
          </cell>
          <cell r="G249">
            <v>6.4</v>
          </cell>
        </row>
        <row r="250">
          <cell r="A250">
            <v>2008</v>
          </cell>
          <cell r="F250">
            <v>6.3</v>
          </cell>
          <cell r="G250">
            <v>5.9</v>
          </cell>
        </row>
        <row r="251">
          <cell r="A251">
            <v>2008</v>
          </cell>
          <cell r="F251">
            <v>7.4</v>
          </cell>
          <cell r="G251">
            <v>7</v>
          </cell>
        </row>
        <row r="252">
          <cell r="A252">
            <v>2008</v>
          </cell>
          <cell r="F252">
            <v>7.9</v>
          </cell>
          <cell r="G252">
            <v>7.7</v>
          </cell>
        </row>
        <row r="253">
          <cell r="A253">
            <v>2008</v>
          </cell>
          <cell r="F253">
            <v>7.4</v>
          </cell>
          <cell r="G253">
            <v>7.2</v>
          </cell>
        </row>
        <row r="254">
          <cell r="A254">
            <v>2008</v>
          </cell>
          <cell r="F254">
            <v>6.3</v>
          </cell>
          <cell r="G254">
            <v>6.2</v>
          </cell>
        </row>
        <row r="255">
          <cell r="A255">
            <v>2008</v>
          </cell>
          <cell r="F255">
            <v>5.9</v>
          </cell>
          <cell r="G255">
            <v>5.9</v>
          </cell>
        </row>
        <row r="256">
          <cell r="A256">
            <v>2008</v>
          </cell>
          <cell r="F256">
            <v>5.8</v>
          </cell>
          <cell r="G256">
            <v>6</v>
          </cell>
        </row>
        <row r="257">
          <cell r="A257">
            <v>2008</v>
          </cell>
          <cell r="F257">
            <v>4.3</v>
          </cell>
          <cell r="G257">
            <v>4.5</v>
          </cell>
        </row>
        <row r="258">
          <cell r="A258">
            <v>2008</v>
          </cell>
          <cell r="F258">
            <v>3.6</v>
          </cell>
          <cell r="G258">
            <v>4</v>
          </cell>
        </row>
        <row r="259">
          <cell r="A259">
            <v>2008</v>
          </cell>
          <cell r="F259">
            <v>2.8</v>
          </cell>
          <cell r="G259">
            <v>3.5</v>
          </cell>
        </row>
        <row r="260">
          <cell r="A260">
            <v>2008</v>
          </cell>
          <cell r="F260">
            <v>1.9</v>
          </cell>
          <cell r="G260">
            <v>2.8</v>
          </cell>
        </row>
        <row r="261">
          <cell r="A261">
            <v>2008</v>
          </cell>
          <cell r="F261">
            <v>1</v>
          </cell>
          <cell r="G261">
            <v>1.9</v>
          </cell>
        </row>
        <row r="262">
          <cell r="A262">
            <v>2008</v>
          </cell>
          <cell r="F262">
            <v>0.3</v>
          </cell>
          <cell r="G262">
            <v>0.8</v>
          </cell>
        </row>
        <row r="263">
          <cell r="A263">
            <v>2008</v>
          </cell>
          <cell r="F263">
            <v>0.1</v>
          </cell>
          <cell r="G263">
            <v>0.3</v>
          </cell>
        </row>
        <row r="264">
          <cell r="A264">
            <v>2009</v>
          </cell>
          <cell r="F264">
            <v>6.2</v>
          </cell>
          <cell r="G264">
            <v>5.8</v>
          </cell>
        </row>
        <row r="265">
          <cell r="A265">
            <v>2009</v>
          </cell>
          <cell r="F265">
            <v>5.7</v>
          </cell>
          <cell r="G265">
            <v>5.3</v>
          </cell>
        </row>
        <row r="266">
          <cell r="A266">
            <v>2009</v>
          </cell>
          <cell r="F266">
            <v>6.1</v>
          </cell>
          <cell r="G266">
            <v>5.7</v>
          </cell>
        </row>
        <row r="267">
          <cell r="A267">
            <v>2009</v>
          </cell>
          <cell r="F267">
            <v>6.7</v>
          </cell>
          <cell r="G267">
            <v>6.3</v>
          </cell>
        </row>
        <row r="268">
          <cell r="A268">
            <v>2009</v>
          </cell>
          <cell r="F268">
            <v>7.1</v>
          </cell>
          <cell r="G268">
            <v>6.7</v>
          </cell>
        </row>
        <row r="269">
          <cell r="A269">
            <v>2009</v>
          </cell>
          <cell r="F269">
            <v>6.9</v>
          </cell>
          <cell r="G269">
            <v>6.5</v>
          </cell>
        </row>
        <row r="270">
          <cell r="A270">
            <v>2009</v>
          </cell>
          <cell r="F270">
            <v>6.3</v>
          </cell>
          <cell r="G270">
            <v>5.9</v>
          </cell>
        </row>
        <row r="271">
          <cell r="A271">
            <v>2009</v>
          </cell>
          <cell r="F271">
            <v>7.2</v>
          </cell>
          <cell r="G271">
            <v>6.7</v>
          </cell>
        </row>
        <row r="272">
          <cell r="A272">
            <v>2009</v>
          </cell>
          <cell r="F272">
            <v>7.9</v>
          </cell>
          <cell r="G272">
            <v>7.5</v>
          </cell>
        </row>
        <row r="273">
          <cell r="A273">
            <v>2009</v>
          </cell>
          <cell r="F273">
            <v>7.5</v>
          </cell>
          <cell r="G273">
            <v>7.4</v>
          </cell>
        </row>
        <row r="274">
          <cell r="A274">
            <v>2009</v>
          </cell>
          <cell r="F274">
            <v>6.5</v>
          </cell>
          <cell r="G274">
            <v>6.3</v>
          </cell>
        </row>
        <row r="275">
          <cell r="A275">
            <v>2009</v>
          </cell>
          <cell r="F275">
            <v>5.8</v>
          </cell>
          <cell r="G275">
            <v>5.8</v>
          </cell>
        </row>
        <row r="276">
          <cell r="A276">
            <v>2009</v>
          </cell>
          <cell r="F276">
            <v>5.9</v>
          </cell>
          <cell r="G276">
            <v>6.1</v>
          </cell>
        </row>
        <row r="277">
          <cell r="A277">
            <v>2009</v>
          </cell>
          <cell r="F277">
            <v>4.4000000000000004</v>
          </cell>
          <cell r="G277">
            <v>4.7</v>
          </cell>
        </row>
        <row r="278">
          <cell r="A278">
            <v>2009</v>
          </cell>
          <cell r="F278">
            <v>3.7</v>
          </cell>
          <cell r="G278">
            <v>4.0999999999999996</v>
          </cell>
        </row>
        <row r="279">
          <cell r="A279">
            <v>2009</v>
          </cell>
          <cell r="F279">
            <v>2.8</v>
          </cell>
          <cell r="G279">
            <v>3.5</v>
          </cell>
        </row>
        <row r="280">
          <cell r="A280">
            <v>2009</v>
          </cell>
          <cell r="F280">
            <v>1.9</v>
          </cell>
          <cell r="G280">
            <v>2.8</v>
          </cell>
        </row>
        <row r="281">
          <cell r="A281">
            <v>2009</v>
          </cell>
          <cell r="F281">
            <v>1</v>
          </cell>
          <cell r="G281">
            <v>1.9</v>
          </cell>
        </row>
        <row r="282">
          <cell r="A282">
            <v>2009</v>
          </cell>
          <cell r="F282">
            <v>0.3</v>
          </cell>
          <cell r="G282">
            <v>0.8</v>
          </cell>
        </row>
        <row r="283">
          <cell r="A283">
            <v>2009</v>
          </cell>
          <cell r="F283">
            <v>0.1</v>
          </cell>
          <cell r="G283">
            <v>0.4</v>
          </cell>
        </row>
        <row r="284">
          <cell r="A284">
            <v>2010</v>
          </cell>
          <cell r="F284">
            <v>6.3</v>
          </cell>
          <cell r="G284">
            <v>5.9</v>
          </cell>
        </row>
        <row r="285">
          <cell r="A285">
            <v>2010</v>
          </cell>
          <cell r="F285">
            <v>5.7</v>
          </cell>
          <cell r="G285">
            <v>5.3</v>
          </cell>
        </row>
        <row r="286">
          <cell r="A286">
            <v>2010</v>
          </cell>
          <cell r="F286">
            <v>6</v>
          </cell>
          <cell r="G286">
            <v>5.6</v>
          </cell>
        </row>
        <row r="287">
          <cell r="A287">
            <v>2010</v>
          </cell>
          <cell r="F287">
            <v>6.6</v>
          </cell>
          <cell r="G287">
            <v>6.2</v>
          </cell>
        </row>
        <row r="288">
          <cell r="A288">
            <v>2010</v>
          </cell>
          <cell r="F288">
            <v>7.1</v>
          </cell>
          <cell r="G288">
            <v>6.7</v>
          </cell>
        </row>
        <row r="289">
          <cell r="A289">
            <v>2010</v>
          </cell>
          <cell r="F289">
            <v>6.9</v>
          </cell>
          <cell r="G289">
            <v>6.5</v>
          </cell>
        </row>
        <row r="290">
          <cell r="A290">
            <v>2010</v>
          </cell>
          <cell r="F290">
            <v>6.4</v>
          </cell>
          <cell r="G290">
            <v>5.9</v>
          </cell>
        </row>
        <row r="291">
          <cell r="A291">
            <v>2010</v>
          </cell>
          <cell r="F291">
            <v>6.9</v>
          </cell>
          <cell r="G291">
            <v>6.5</v>
          </cell>
        </row>
        <row r="292">
          <cell r="A292">
            <v>2010</v>
          </cell>
          <cell r="F292">
            <v>7.8</v>
          </cell>
          <cell r="G292">
            <v>7.4</v>
          </cell>
        </row>
        <row r="293">
          <cell r="A293">
            <v>2010</v>
          </cell>
          <cell r="F293">
            <v>7.6</v>
          </cell>
          <cell r="G293">
            <v>7.5</v>
          </cell>
        </row>
        <row r="294">
          <cell r="A294">
            <v>2010</v>
          </cell>
          <cell r="F294">
            <v>6.6</v>
          </cell>
          <cell r="G294">
            <v>6.4</v>
          </cell>
        </row>
        <row r="295">
          <cell r="A295">
            <v>2010</v>
          </cell>
          <cell r="F295">
            <v>5.7</v>
          </cell>
          <cell r="G295">
            <v>5.7</v>
          </cell>
        </row>
        <row r="296">
          <cell r="A296">
            <v>2010</v>
          </cell>
          <cell r="F296">
            <v>6</v>
          </cell>
          <cell r="G296">
            <v>6.1</v>
          </cell>
        </row>
        <row r="297">
          <cell r="A297">
            <v>2010</v>
          </cell>
          <cell r="F297">
            <v>4.5</v>
          </cell>
          <cell r="G297">
            <v>4.8</v>
          </cell>
        </row>
        <row r="298">
          <cell r="A298">
            <v>2010</v>
          </cell>
          <cell r="F298">
            <v>3.7</v>
          </cell>
          <cell r="G298">
            <v>4.0999999999999996</v>
          </cell>
        </row>
        <row r="299">
          <cell r="A299">
            <v>2010</v>
          </cell>
          <cell r="F299">
            <v>2.8</v>
          </cell>
          <cell r="G299">
            <v>3.4</v>
          </cell>
        </row>
        <row r="300">
          <cell r="A300">
            <v>2010</v>
          </cell>
          <cell r="F300">
            <v>1.9</v>
          </cell>
          <cell r="G300">
            <v>2.8</v>
          </cell>
        </row>
        <row r="301">
          <cell r="A301">
            <v>2010</v>
          </cell>
          <cell r="F301">
            <v>1.1000000000000001</v>
          </cell>
          <cell r="G301">
            <v>1.9</v>
          </cell>
        </row>
        <row r="302">
          <cell r="A302">
            <v>2010</v>
          </cell>
          <cell r="F302">
            <v>0.3</v>
          </cell>
          <cell r="G302">
            <v>0.8</v>
          </cell>
        </row>
        <row r="303">
          <cell r="A303">
            <v>2010</v>
          </cell>
          <cell r="F303">
            <v>0.1</v>
          </cell>
          <cell r="G303">
            <v>0.4</v>
          </cell>
        </row>
        <row r="304">
          <cell r="A304">
            <v>2011</v>
          </cell>
          <cell r="F304">
            <v>6.3</v>
          </cell>
          <cell r="G304">
            <v>5.9</v>
          </cell>
        </row>
        <row r="305">
          <cell r="A305">
            <v>2011</v>
          </cell>
          <cell r="F305">
            <v>5.8</v>
          </cell>
          <cell r="G305">
            <v>5.4</v>
          </cell>
        </row>
        <row r="306">
          <cell r="A306">
            <v>2011</v>
          </cell>
          <cell r="F306">
            <v>5.8</v>
          </cell>
          <cell r="G306">
            <v>5.5</v>
          </cell>
        </row>
        <row r="307">
          <cell r="A307">
            <v>2011</v>
          </cell>
          <cell r="F307">
            <v>6.4</v>
          </cell>
          <cell r="G307">
            <v>6.1</v>
          </cell>
        </row>
        <row r="308">
          <cell r="A308">
            <v>2011</v>
          </cell>
          <cell r="F308">
            <v>7.1</v>
          </cell>
          <cell r="G308">
            <v>6.8</v>
          </cell>
        </row>
        <row r="309">
          <cell r="A309">
            <v>2011</v>
          </cell>
          <cell r="F309">
            <v>7</v>
          </cell>
          <cell r="G309">
            <v>6.5</v>
          </cell>
        </row>
        <row r="310">
          <cell r="A310">
            <v>2011</v>
          </cell>
          <cell r="F310">
            <v>6.5</v>
          </cell>
          <cell r="G310">
            <v>6.1</v>
          </cell>
        </row>
        <row r="311">
          <cell r="A311">
            <v>2011</v>
          </cell>
          <cell r="F311">
            <v>6.6</v>
          </cell>
          <cell r="G311">
            <v>6.2</v>
          </cell>
        </row>
        <row r="312">
          <cell r="A312">
            <v>2011</v>
          </cell>
          <cell r="F312">
            <v>7.7</v>
          </cell>
          <cell r="G312">
            <v>7.3</v>
          </cell>
        </row>
        <row r="313">
          <cell r="A313">
            <v>2011</v>
          </cell>
          <cell r="F313">
            <v>7.6</v>
          </cell>
          <cell r="G313">
            <v>7.6</v>
          </cell>
        </row>
        <row r="314">
          <cell r="A314">
            <v>2011</v>
          </cell>
          <cell r="F314">
            <v>6.8</v>
          </cell>
          <cell r="G314">
            <v>6.6</v>
          </cell>
        </row>
        <row r="315">
          <cell r="A315">
            <v>2011</v>
          </cell>
          <cell r="F315">
            <v>5.7</v>
          </cell>
          <cell r="G315">
            <v>5.7</v>
          </cell>
        </row>
        <row r="316">
          <cell r="A316">
            <v>2011</v>
          </cell>
          <cell r="F316">
            <v>5.9</v>
          </cell>
          <cell r="G316">
            <v>6.1</v>
          </cell>
        </row>
        <row r="317">
          <cell r="A317">
            <v>2011</v>
          </cell>
          <cell r="F317">
            <v>4.7</v>
          </cell>
          <cell r="G317">
            <v>5</v>
          </cell>
        </row>
        <row r="318">
          <cell r="A318">
            <v>2011</v>
          </cell>
          <cell r="F318">
            <v>3.6</v>
          </cell>
          <cell r="G318">
            <v>4</v>
          </cell>
        </row>
        <row r="319">
          <cell r="A319">
            <v>2011</v>
          </cell>
          <cell r="F319">
            <v>2.8</v>
          </cell>
          <cell r="G319">
            <v>3.4</v>
          </cell>
        </row>
        <row r="320">
          <cell r="A320">
            <v>2011</v>
          </cell>
          <cell r="F320">
            <v>1.9</v>
          </cell>
          <cell r="G320">
            <v>2.8</v>
          </cell>
        </row>
        <row r="321">
          <cell r="A321">
            <v>2011</v>
          </cell>
          <cell r="F321">
            <v>1.1000000000000001</v>
          </cell>
          <cell r="G321">
            <v>1.9</v>
          </cell>
        </row>
        <row r="322">
          <cell r="A322">
            <v>2011</v>
          </cell>
          <cell r="F322">
            <v>0.4</v>
          </cell>
          <cell r="G322">
            <v>0.9</v>
          </cell>
        </row>
        <row r="323">
          <cell r="A323">
            <v>2011</v>
          </cell>
          <cell r="F323">
            <v>0.1</v>
          </cell>
          <cell r="G323">
            <v>0.4</v>
          </cell>
        </row>
        <row r="324">
          <cell r="A324">
            <v>2012</v>
          </cell>
          <cell r="F324">
            <v>6.3</v>
          </cell>
          <cell r="G324">
            <v>5.9</v>
          </cell>
        </row>
        <row r="325">
          <cell r="A325">
            <v>2012</v>
          </cell>
          <cell r="F325">
            <v>5.9</v>
          </cell>
          <cell r="G325">
            <v>5.5</v>
          </cell>
        </row>
        <row r="326">
          <cell r="A326">
            <v>2012</v>
          </cell>
          <cell r="F326">
            <v>5.7</v>
          </cell>
          <cell r="G326">
            <v>5.3</v>
          </cell>
        </row>
        <row r="327">
          <cell r="A327">
            <v>2012</v>
          </cell>
          <cell r="F327">
            <v>6.3</v>
          </cell>
          <cell r="G327">
            <v>5.9</v>
          </cell>
        </row>
        <row r="328">
          <cell r="A328">
            <v>2012</v>
          </cell>
          <cell r="F328">
            <v>7.1</v>
          </cell>
          <cell r="G328">
            <v>6.7</v>
          </cell>
        </row>
        <row r="329">
          <cell r="A329">
            <v>2012</v>
          </cell>
          <cell r="F329">
            <v>7</v>
          </cell>
          <cell r="G329">
            <v>6.6</v>
          </cell>
        </row>
        <row r="330">
          <cell r="A330">
            <v>2012</v>
          </cell>
          <cell r="F330">
            <v>6.6</v>
          </cell>
          <cell r="G330">
            <v>6.2</v>
          </cell>
        </row>
        <row r="331">
          <cell r="A331">
            <v>2012</v>
          </cell>
          <cell r="F331">
            <v>6.4</v>
          </cell>
          <cell r="G331">
            <v>6</v>
          </cell>
        </row>
        <row r="332">
          <cell r="A332">
            <v>2012</v>
          </cell>
          <cell r="F332">
            <v>7.5</v>
          </cell>
          <cell r="G332">
            <v>7.1</v>
          </cell>
        </row>
        <row r="333">
          <cell r="A333">
            <v>2012</v>
          </cell>
          <cell r="F333">
            <v>7.7</v>
          </cell>
          <cell r="G333">
            <v>7.6</v>
          </cell>
        </row>
        <row r="334">
          <cell r="A334">
            <v>2012</v>
          </cell>
          <cell r="F334">
            <v>6.9</v>
          </cell>
          <cell r="G334">
            <v>6.8</v>
          </cell>
        </row>
        <row r="335">
          <cell r="A335">
            <v>2012</v>
          </cell>
          <cell r="F335">
            <v>5.8</v>
          </cell>
          <cell r="G335">
            <v>5.8</v>
          </cell>
        </row>
        <row r="336">
          <cell r="A336">
            <v>2012</v>
          </cell>
          <cell r="F336">
            <v>5.6</v>
          </cell>
          <cell r="G336">
            <v>5.8</v>
          </cell>
        </row>
        <row r="337">
          <cell r="A337">
            <v>2012</v>
          </cell>
          <cell r="F337">
            <v>5.0999999999999996</v>
          </cell>
          <cell r="G337">
            <v>5.4</v>
          </cell>
        </row>
        <row r="338">
          <cell r="A338">
            <v>2012</v>
          </cell>
          <cell r="F338">
            <v>3.6</v>
          </cell>
          <cell r="G338">
            <v>4.0999999999999996</v>
          </cell>
        </row>
        <row r="339">
          <cell r="A339">
            <v>2012</v>
          </cell>
          <cell r="F339">
            <v>2.8</v>
          </cell>
          <cell r="G339">
            <v>3.4</v>
          </cell>
        </row>
        <row r="340">
          <cell r="A340">
            <v>2012</v>
          </cell>
          <cell r="F340">
            <v>2</v>
          </cell>
          <cell r="G340">
            <v>2.8</v>
          </cell>
        </row>
        <row r="341">
          <cell r="A341">
            <v>2012</v>
          </cell>
          <cell r="F341">
            <v>1.1000000000000001</v>
          </cell>
          <cell r="G341">
            <v>1.9</v>
          </cell>
        </row>
        <row r="342">
          <cell r="A342">
            <v>2012</v>
          </cell>
          <cell r="F342">
            <v>0.4</v>
          </cell>
          <cell r="G342">
            <v>0.9</v>
          </cell>
        </row>
        <row r="343">
          <cell r="A343">
            <v>2012</v>
          </cell>
          <cell r="F343">
            <v>0.1</v>
          </cell>
          <cell r="G343">
            <v>0.4</v>
          </cell>
        </row>
        <row r="344">
          <cell r="A344">
            <v>2013</v>
          </cell>
          <cell r="F344">
            <v>6.3</v>
          </cell>
          <cell r="G344">
            <v>5.9</v>
          </cell>
        </row>
        <row r="345">
          <cell r="A345">
            <v>2013</v>
          </cell>
          <cell r="F345">
            <v>6</v>
          </cell>
          <cell r="G345">
            <v>5.6</v>
          </cell>
        </row>
        <row r="346">
          <cell r="A346">
            <v>2013</v>
          </cell>
          <cell r="F346">
            <v>5.6</v>
          </cell>
          <cell r="G346">
            <v>5.2</v>
          </cell>
        </row>
        <row r="347">
          <cell r="A347">
            <v>2013</v>
          </cell>
          <cell r="F347">
            <v>6.2</v>
          </cell>
          <cell r="G347">
            <v>5.8</v>
          </cell>
        </row>
        <row r="348">
          <cell r="A348">
            <v>2013</v>
          </cell>
          <cell r="F348">
            <v>7</v>
          </cell>
          <cell r="G348">
            <v>6.7</v>
          </cell>
        </row>
        <row r="349">
          <cell r="A349">
            <v>2013</v>
          </cell>
          <cell r="F349">
            <v>7.1</v>
          </cell>
          <cell r="G349">
            <v>6.7</v>
          </cell>
        </row>
        <row r="350">
          <cell r="A350">
            <v>2013</v>
          </cell>
          <cell r="F350">
            <v>6.8</v>
          </cell>
          <cell r="G350">
            <v>6.3</v>
          </cell>
        </row>
        <row r="351">
          <cell r="A351">
            <v>2013</v>
          </cell>
          <cell r="F351">
            <v>6.3</v>
          </cell>
          <cell r="G351">
            <v>5.8</v>
          </cell>
        </row>
        <row r="352">
          <cell r="A352">
            <v>2013</v>
          </cell>
          <cell r="F352">
            <v>7.3</v>
          </cell>
          <cell r="G352">
            <v>6.9</v>
          </cell>
        </row>
        <row r="353">
          <cell r="A353">
            <v>2013</v>
          </cell>
          <cell r="F353">
            <v>7.7</v>
          </cell>
          <cell r="G353">
            <v>7.5</v>
          </cell>
        </row>
        <row r="354">
          <cell r="A354">
            <v>2013</v>
          </cell>
          <cell r="F354">
            <v>7</v>
          </cell>
          <cell r="G354">
            <v>7</v>
          </cell>
        </row>
        <row r="355">
          <cell r="A355">
            <v>2013</v>
          </cell>
          <cell r="F355">
            <v>6</v>
          </cell>
          <cell r="G355">
            <v>5.9</v>
          </cell>
        </row>
        <row r="356">
          <cell r="A356">
            <v>2013</v>
          </cell>
          <cell r="F356">
            <v>5.4</v>
          </cell>
          <cell r="G356">
            <v>5.6</v>
          </cell>
        </row>
        <row r="357">
          <cell r="A357">
            <v>2013</v>
          </cell>
          <cell r="F357">
            <v>5.3</v>
          </cell>
          <cell r="G357">
            <v>5.6</v>
          </cell>
        </row>
        <row r="358">
          <cell r="A358">
            <v>2013</v>
          </cell>
          <cell r="F358">
            <v>3.7</v>
          </cell>
          <cell r="G358">
            <v>4.0999999999999996</v>
          </cell>
        </row>
        <row r="359">
          <cell r="A359">
            <v>2013</v>
          </cell>
          <cell r="F359">
            <v>2.9</v>
          </cell>
          <cell r="G359">
            <v>3.4</v>
          </cell>
        </row>
        <row r="360">
          <cell r="A360">
            <v>2013</v>
          </cell>
          <cell r="F360">
            <v>2</v>
          </cell>
          <cell r="G360">
            <v>2.7</v>
          </cell>
        </row>
        <row r="361">
          <cell r="A361">
            <v>2013</v>
          </cell>
          <cell r="F361">
            <v>1.1000000000000001</v>
          </cell>
          <cell r="G361">
            <v>1.8</v>
          </cell>
        </row>
        <row r="362">
          <cell r="A362">
            <v>2013</v>
          </cell>
          <cell r="F362">
            <v>0.4</v>
          </cell>
          <cell r="G362">
            <v>1</v>
          </cell>
        </row>
        <row r="363">
          <cell r="A363">
            <v>2013</v>
          </cell>
          <cell r="F363">
            <v>0.1</v>
          </cell>
          <cell r="G363">
            <v>0.4</v>
          </cell>
        </row>
        <row r="364">
          <cell r="A364">
            <v>2014</v>
          </cell>
          <cell r="F364">
            <v>6.2</v>
          </cell>
          <cell r="G364">
            <v>5.9</v>
          </cell>
        </row>
        <row r="365">
          <cell r="A365">
            <v>2014</v>
          </cell>
          <cell r="F365">
            <v>6.1</v>
          </cell>
          <cell r="G365">
            <v>5.7</v>
          </cell>
        </row>
        <row r="366">
          <cell r="A366">
            <v>2014</v>
          </cell>
          <cell r="F366">
            <v>5.6</v>
          </cell>
          <cell r="G366">
            <v>5.2</v>
          </cell>
        </row>
        <row r="367">
          <cell r="A367">
            <v>2014</v>
          </cell>
          <cell r="F367">
            <v>6.1</v>
          </cell>
          <cell r="G367">
            <v>5.7</v>
          </cell>
        </row>
        <row r="368">
          <cell r="A368">
            <v>2014</v>
          </cell>
          <cell r="F368">
            <v>6.9</v>
          </cell>
          <cell r="G368">
            <v>6.6</v>
          </cell>
        </row>
        <row r="369">
          <cell r="A369">
            <v>2014</v>
          </cell>
          <cell r="F369">
            <v>7.1</v>
          </cell>
          <cell r="G369">
            <v>6.8</v>
          </cell>
        </row>
        <row r="370">
          <cell r="A370">
            <v>2014</v>
          </cell>
          <cell r="F370">
            <v>6.8</v>
          </cell>
          <cell r="G370">
            <v>6.4</v>
          </cell>
        </row>
        <row r="371">
          <cell r="A371">
            <v>2014</v>
          </cell>
          <cell r="F371">
            <v>6.2</v>
          </cell>
          <cell r="G371">
            <v>5.8</v>
          </cell>
        </row>
        <row r="372">
          <cell r="A372">
            <v>2014</v>
          </cell>
          <cell r="F372">
            <v>7.1</v>
          </cell>
          <cell r="G372">
            <v>6.6</v>
          </cell>
        </row>
        <row r="373">
          <cell r="A373">
            <v>2014</v>
          </cell>
          <cell r="F373">
            <v>7.6</v>
          </cell>
          <cell r="G373">
            <v>7.4</v>
          </cell>
        </row>
        <row r="374">
          <cell r="A374">
            <v>2014</v>
          </cell>
          <cell r="F374">
            <v>7.1</v>
          </cell>
          <cell r="G374">
            <v>7.1</v>
          </cell>
        </row>
        <row r="375">
          <cell r="A375">
            <v>2014</v>
          </cell>
          <cell r="F375">
            <v>6.1</v>
          </cell>
          <cell r="G375">
            <v>6</v>
          </cell>
        </row>
        <row r="376">
          <cell r="A376">
            <v>2014</v>
          </cell>
          <cell r="F376">
            <v>5.3</v>
          </cell>
          <cell r="G376">
            <v>5.5</v>
          </cell>
        </row>
        <row r="377">
          <cell r="A377">
            <v>2014</v>
          </cell>
          <cell r="F377">
            <v>5.4</v>
          </cell>
          <cell r="G377">
            <v>5.7</v>
          </cell>
        </row>
        <row r="378">
          <cell r="A378">
            <v>2014</v>
          </cell>
          <cell r="F378">
            <v>3.8</v>
          </cell>
          <cell r="G378">
            <v>4.2</v>
          </cell>
        </row>
        <row r="379">
          <cell r="A379">
            <v>2014</v>
          </cell>
          <cell r="F379">
            <v>2.9</v>
          </cell>
          <cell r="G379">
            <v>3.5</v>
          </cell>
        </row>
        <row r="380">
          <cell r="A380">
            <v>2014</v>
          </cell>
          <cell r="F380">
            <v>2</v>
          </cell>
          <cell r="G380">
            <v>2.7</v>
          </cell>
        </row>
        <row r="381">
          <cell r="A381">
            <v>2014</v>
          </cell>
          <cell r="F381">
            <v>1.1000000000000001</v>
          </cell>
          <cell r="G381">
            <v>1.8</v>
          </cell>
        </row>
        <row r="382">
          <cell r="A382">
            <v>2014</v>
          </cell>
          <cell r="F382">
            <v>0.5</v>
          </cell>
          <cell r="G382">
            <v>1</v>
          </cell>
        </row>
        <row r="383">
          <cell r="A383">
            <v>2014</v>
          </cell>
          <cell r="F383">
            <v>0.1</v>
          </cell>
          <cell r="G383">
            <v>0.4</v>
          </cell>
        </row>
        <row r="384">
          <cell r="A384">
            <v>2015</v>
          </cell>
          <cell r="F384">
            <v>6.2</v>
          </cell>
          <cell r="G384">
            <v>5.8</v>
          </cell>
        </row>
        <row r="385">
          <cell r="A385">
            <v>2015</v>
          </cell>
          <cell r="F385">
            <v>6.1</v>
          </cell>
          <cell r="G385">
            <v>5.8</v>
          </cell>
        </row>
        <row r="386">
          <cell r="A386">
            <v>2015</v>
          </cell>
          <cell r="F386">
            <v>5.6</v>
          </cell>
          <cell r="G386">
            <v>5.2</v>
          </cell>
        </row>
        <row r="387">
          <cell r="A387">
            <v>2015</v>
          </cell>
          <cell r="F387">
            <v>6</v>
          </cell>
          <cell r="G387">
            <v>5.6</v>
          </cell>
        </row>
        <row r="388">
          <cell r="A388">
            <v>2015</v>
          </cell>
          <cell r="F388">
            <v>6.8</v>
          </cell>
          <cell r="G388">
            <v>6.4</v>
          </cell>
        </row>
        <row r="389">
          <cell r="A389">
            <v>2015</v>
          </cell>
          <cell r="F389">
            <v>7.2</v>
          </cell>
          <cell r="G389">
            <v>6.8</v>
          </cell>
        </row>
        <row r="390">
          <cell r="A390">
            <v>2015</v>
          </cell>
          <cell r="F390">
            <v>6.8</v>
          </cell>
          <cell r="G390">
            <v>6.4</v>
          </cell>
        </row>
        <row r="391">
          <cell r="A391">
            <v>2015</v>
          </cell>
          <cell r="F391">
            <v>6.3</v>
          </cell>
          <cell r="G391">
            <v>5.9</v>
          </cell>
        </row>
        <row r="392">
          <cell r="A392">
            <v>2015</v>
          </cell>
          <cell r="F392">
            <v>6.8</v>
          </cell>
          <cell r="G392">
            <v>6.4</v>
          </cell>
        </row>
        <row r="393">
          <cell r="A393">
            <v>2015</v>
          </cell>
          <cell r="F393">
            <v>7.5</v>
          </cell>
          <cell r="G393">
            <v>7.2</v>
          </cell>
        </row>
        <row r="394">
          <cell r="A394">
            <v>2015</v>
          </cell>
          <cell r="F394">
            <v>7.2</v>
          </cell>
          <cell r="G394">
            <v>7.3</v>
          </cell>
        </row>
        <row r="395">
          <cell r="A395">
            <v>2015</v>
          </cell>
          <cell r="F395">
            <v>6.2</v>
          </cell>
          <cell r="G395">
            <v>6.2</v>
          </cell>
        </row>
        <row r="396">
          <cell r="A396">
            <v>2015</v>
          </cell>
          <cell r="F396">
            <v>5.3</v>
          </cell>
          <cell r="G396">
            <v>5.5</v>
          </cell>
        </row>
        <row r="397">
          <cell r="A397">
            <v>2015</v>
          </cell>
          <cell r="F397">
            <v>5.4</v>
          </cell>
          <cell r="G397">
            <v>5.7</v>
          </cell>
        </row>
        <row r="398">
          <cell r="A398">
            <v>2015</v>
          </cell>
          <cell r="F398">
            <v>3.9</v>
          </cell>
          <cell r="G398">
            <v>4.3</v>
          </cell>
        </row>
        <row r="399">
          <cell r="A399">
            <v>2015</v>
          </cell>
          <cell r="F399">
            <v>2.9</v>
          </cell>
          <cell r="G399">
            <v>3.5</v>
          </cell>
        </row>
        <row r="400">
          <cell r="A400">
            <v>2015</v>
          </cell>
          <cell r="F400">
            <v>2</v>
          </cell>
          <cell r="G400">
            <v>2.7</v>
          </cell>
        </row>
        <row r="401">
          <cell r="A401">
            <v>2015</v>
          </cell>
          <cell r="F401">
            <v>1.1000000000000001</v>
          </cell>
          <cell r="G401">
            <v>1.9</v>
          </cell>
        </row>
        <row r="402">
          <cell r="A402">
            <v>2015</v>
          </cell>
          <cell r="F402">
            <v>0.5</v>
          </cell>
          <cell r="G402">
            <v>1</v>
          </cell>
        </row>
        <row r="403">
          <cell r="A403">
            <v>2015</v>
          </cell>
          <cell r="F403">
            <v>0.1</v>
          </cell>
          <cell r="G403">
            <v>0.4</v>
          </cell>
        </row>
        <row r="404">
          <cell r="A404">
            <v>2016</v>
          </cell>
          <cell r="F404">
            <v>6.2</v>
          </cell>
          <cell r="G404">
            <v>5.8</v>
          </cell>
        </row>
        <row r="405">
          <cell r="A405">
            <v>2016</v>
          </cell>
          <cell r="F405">
            <v>6.1</v>
          </cell>
          <cell r="G405">
            <v>5.8</v>
          </cell>
        </row>
        <row r="406">
          <cell r="A406">
            <v>2016</v>
          </cell>
          <cell r="F406">
            <v>5.6</v>
          </cell>
          <cell r="G406">
            <v>5.3</v>
          </cell>
        </row>
        <row r="407">
          <cell r="A407">
            <v>2016</v>
          </cell>
          <cell r="F407">
            <v>5.9</v>
          </cell>
          <cell r="G407">
            <v>5.5</v>
          </cell>
        </row>
        <row r="408">
          <cell r="A408">
            <v>2016</v>
          </cell>
          <cell r="F408">
            <v>6.6</v>
          </cell>
          <cell r="G408">
            <v>6.3</v>
          </cell>
        </row>
        <row r="409">
          <cell r="A409">
            <v>2016</v>
          </cell>
          <cell r="F409">
            <v>7.2</v>
          </cell>
          <cell r="G409">
            <v>6.8</v>
          </cell>
        </row>
        <row r="410">
          <cell r="A410">
            <v>2016</v>
          </cell>
          <cell r="F410">
            <v>6.9</v>
          </cell>
          <cell r="G410">
            <v>6.5</v>
          </cell>
        </row>
        <row r="411">
          <cell r="A411">
            <v>2016</v>
          </cell>
          <cell r="F411">
            <v>6.4</v>
          </cell>
          <cell r="G411">
            <v>6</v>
          </cell>
        </row>
        <row r="412">
          <cell r="A412">
            <v>2016</v>
          </cell>
          <cell r="F412">
            <v>6.5</v>
          </cell>
          <cell r="G412">
            <v>6.1</v>
          </cell>
        </row>
        <row r="413">
          <cell r="A413">
            <v>2016</v>
          </cell>
          <cell r="F413">
            <v>7.4</v>
          </cell>
          <cell r="G413">
            <v>7.1</v>
          </cell>
        </row>
        <row r="414">
          <cell r="A414">
            <v>2016</v>
          </cell>
          <cell r="F414">
            <v>7.3</v>
          </cell>
          <cell r="G414">
            <v>7.3</v>
          </cell>
        </row>
        <row r="415">
          <cell r="A415">
            <v>2016</v>
          </cell>
          <cell r="F415">
            <v>6.4</v>
          </cell>
          <cell r="G415">
            <v>6.3</v>
          </cell>
        </row>
        <row r="416">
          <cell r="A416">
            <v>2016</v>
          </cell>
          <cell r="F416">
            <v>5.3</v>
          </cell>
          <cell r="G416">
            <v>5.5</v>
          </cell>
        </row>
        <row r="417">
          <cell r="A417">
            <v>2016</v>
          </cell>
          <cell r="F417">
            <v>5.4</v>
          </cell>
          <cell r="G417">
            <v>5.7</v>
          </cell>
        </row>
        <row r="418">
          <cell r="A418">
            <v>2016</v>
          </cell>
          <cell r="F418">
            <v>4.0999999999999996</v>
          </cell>
          <cell r="G418">
            <v>4.5</v>
          </cell>
        </row>
        <row r="419">
          <cell r="A419">
            <v>2016</v>
          </cell>
          <cell r="F419">
            <v>2.9</v>
          </cell>
          <cell r="G419">
            <v>3.5</v>
          </cell>
        </row>
        <row r="420">
          <cell r="A420">
            <v>2016</v>
          </cell>
          <cell r="F420">
            <v>2</v>
          </cell>
          <cell r="G420">
            <v>2.7</v>
          </cell>
        </row>
        <row r="421">
          <cell r="A421">
            <v>2016</v>
          </cell>
          <cell r="F421">
            <v>1.1000000000000001</v>
          </cell>
          <cell r="G421">
            <v>1.9</v>
          </cell>
        </row>
        <row r="422">
          <cell r="A422">
            <v>2016</v>
          </cell>
          <cell r="F422">
            <v>0.5</v>
          </cell>
          <cell r="G422">
            <v>1</v>
          </cell>
        </row>
        <row r="423">
          <cell r="A423">
            <v>2016</v>
          </cell>
          <cell r="F423">
            <v>0.1</v>
          </cell>
          <cell r="G423">
            <v>0.4</v>
          </cell>
        </row>
        <row r="424">
          <cell r="A424">
            <v>2017</v>
          </cell>
          <cell r="F424">
            <v>6.2</v>
          </cell>
          <cell r="G424">
            <v>5.8</v>
          </cell>
        </row>
        <row r="425">
          <cell r="A425">
            <v>2017</v>
          </cell>
          <cell r="F425">
            <v>6.1</v>
          </cell>
          <cell r="G425">
            <v>5.8</v>
          </cell>
        </row>
        <row r="426">
          <cell r="A426">
            <v>2017</v>
          </cell>
          <cell r="F426">
            <v>5.7</v>
          </cell>
          <cell r="G426">
            <v>5.4</v>
          </cell>
        </row>
        <row r="427">
          <cell r="A427">
            <v>2017</v>
          </cell>
          <cell r="F427">
            <v>5.7</v>
          </cell>
          <cell r="G427">
            <v>5.4</v>
          </cell>
        </row>
        <row r="428">
          <cell r="A428">
            <v>2017</v>
          </cell>
          <cell r="F428">
            <v>6.5</v>
          </cell>
          <cell r="G428">
            <v>6.2</v>
          </cell>
        </row>
        <row r="429">
          <cell r="A429">
            <v>2017</v>
          </cell>
          <cell r="F429">
            <v>7.1</v>
          </cell>
          <cell r="G429">
            <v>6.8</v>
          </cell>
        </row>
        <row r="430">
          <cell r="A430">
            <v>2017</v>
          </cell>
          <cell r="F430">
            <v>6.9</v>
          </cell>
          <cell r="G430">
            <v>6.5</v>
          </cell>
        </row>
        <row r="431">
          <cell r="A431">
            <v>2017</v>
          </cell>
          <cell r="F431">
            <v>6.6</v>
          </cell>
          <cell r="G431">
            <v>6.1</v>
          </cell>
        </row>
        <row r="432">
          <cell r="A432">
            <v>2017</v>
          </cell>
          <cell r="F432">
            <v>6.3</v>
          </cell>
          <cell r="G432">
            <v>5.9</v>
          </cell>
        </row>
        <row r="433">
          <cell r="A433">
            <v>2017</v>
          </cell>
          <cell r="F433">
            <v>7.3</v>
          </cell>
          <cell r="G433">
            <v>6.9</v>
          </cell>
        </row>
        <row r="434">
          <cell r="A434">
            <v>2017</v>
          </cell>
          <cell r="F434">
            <v>7.3</v>
          </cell>
          <cell r="G434">
            <v>7.3</v>
          </cell>
        </row>
        <row r="435">
          <cell r="A435">
            <v>2017</v>
          </cell>
          <cell r="F435">
            <v>6.5</v>
          </cell>
          <cell r="G435">
            <v>6.5</v>
          </cell>
        </row>
        <row r="436">
          <cell r="A436">
            <v>2017</v>
          </cell>
          <cell r="F436">
            <v>5.4</v>
          </cell>
          <cell r="G436">
            <v>5.5</v>
          </cell>
        </row>
        <row r="437">
          <cell r="A437">
            <v>2017</v>
          </cell>
          <cell r="F437">
            <v>5.0999999999999996</v>
          </cell>
          <cell r="G437">
            <v>5.4</v>
          </cell>
        </row>
        <row r="438">
          <cell r="A438">
            <v>2017</v>
          </cell>
          <cell r="F438">
            <v>4.4000000000000004</v>
          </cell>
          <cell r="G438">
            <v>4.9000000000000004</v>
          </cell>
        </row>
        <row r="439">
          <cell r="A439">
            <v>2017</v>
          </cell>
          <cell r="F439">
            <v>2.9</v>
          </cell>
          <cell r="G439">
            <v>3.5</v>
          </cell>
        </row>
        <row r="440">
          <cell r="A440">
            <v>2017</v>
          </cell>
          <cell r="F440">
            <v>2</v>
          </cell>
          <cell r="G440">
            <v>2.7</v>
          </cell>
        </row>
        <row r="441">
          <cell r="A441">
            <v>2017</v>
          </cell>
          <cell r="F441">
            <v>1.2</v>
          </cell>
          <cell r="G441">
            <v>1.9</v>
          </cell>
        </row>
        <row r="442">
          <cell r="A442">
            <v>2017</v>
          </cell>
          <cell r="F442">
            <v>0.5</v>
          </cell>
          <cell r="G442">
            <v>1</v>
          </cell>
        </row>
        <row r="443">
          <cell r="A443">
            <v>2017</v>
          </cell>
          <cell r="F443">
            <v>0.1</v>
          </cell>
          <cell r="G443">
            <v>0.5</v>
          </cell>
        </row>
        <row r="444">
          <cell r="A444">
            <v>2018</v>
          </cell>
          <cell r="F444">
            <v>6.2</v>
          </cell>
          <cell r="G444">
            <v>5.8</v>
          </cell>
        </row>
        <row r="445">
          <cell r="A445">
            <v>2018</v>
          </cell>
          <cell r="F445">
            <v>6.1</v>
          </cell>
          <cell r="G445">
            <v>5.8</v>
          </cell>
        </row>
        <row r="446">
          <cell r="A446">
            <v>2018</v>
          </cell>
          <cell r="F446">
            <v>5.9</v>
          </cell>
          <cell r="G446">
            <v>5.5</v>
          </cell>
        </row>
        <row r="447">
          <cell r="A447">
            <v>2018</v>
          </cell>
          <cell r="F447">
            <v>5.6</v>
          </cell>
          <cell r="G447">
            <v>5.3</v>
          </cell>
        </row>
        <row r="448">
          <cell r="A448">
            <v>2018</v>
          </cell>
          <cell r="F448">
            <v>6.4</v>
          </cell>
          <cell r="G448">
            <v>6.1</v>
          </cell>
        </row>
        <row r="449">
          <cell r="A449">
            <v>2018</v>
          </cell>
          <cell r="F449">
            <v>7</v>
          </cell>
          <cell r="G449">
            <v>6.7</v>
          </cell>
        </row>
        <row r="450">
          <cell r="A450">
            <v>2018</v>
          </cell>
          <cell r="F450">
            <v>7</v>
          </cell>
          <cell r="G450">
            <v>6.6</v>
          </cell>
        </row>
        <row r="451">
          <cell r="A451">
            <v>2018</v>
          </cell>
          <cell r="F451">
            <v>6.7</v>
          </cell>
          <cell r="G451">
            <v>6.2</v>
          </cell>
        </row>
        <row r="452">
          <cell r="A452">
            <v>2018</v>
          </cell>
          <cell r="F452">
            <v>6.2</v>
          </cell>
          <cell r="G452">
            <v>5.8</v>
          </cell>
        </row>
        <row r="453">
          <cell r="A453">
            <v>2018</v>
          </cell>
          <cell r="F453">
            <v>7.1</v>
          </cell>
          <cell r="G453">
            <v>6.7</v>
          </cell>
        </row>
        <row r="454">
          <cell r="A454">
            <v>2018</v>
          </cell>
          <cell r="F454">
            <v>7.3</v>
          </cell>
          <cell r="G454">
            <v>7.2</v>
          </cell>
        </row>
        <row r="455">
          <cell r="A455">
            <v>2018</v>
          </cell>
          <cell r="F455">
            <v>6.6</v>
          </cell>
          <cell r="G455">
            <v>6.7</v>
          </cell>
        </row>
        <row r="456">
          <cell r="A456">
            <v>2018</v>
          </cell>
          <cell r="F456">
            <v>5.5</v>
          </cell>
          <cell r="G456">
            <v>5.6</v>
          </cell>
        </row>
        <row r="457">
          <cell r="A457">
            <v>2018</v>
          </cell>
          <cell r="F457">
            <v>4.9000000000000004</v>
          </cell>
          <cell r="G457">
            <v>5.2</v>
          </cell>
        </row>
        <row r="458">
          <cell r="A458">
            <v>2018</v>
          </cell>
          <cell r="F458">
            <v>4.5999999999999996</v>
          </cell>
          <cell r="G458">
            <v>5.0999999999999996</v>
          </cell>
        </row>
        <row r="459">
          <cell r="A459">
            <v>2018</v>
          </cell>
          <cell r="F459">
            <v>3</v>
          </cell>
          <cell r="G459">
            <v>3.6</v>
          </cell>
        </row>
        <row r="460">
          <cell r="A460">
            <v>2018</v>
          </cell>
          <cell r="F460">
            <v>2.1</v>
          </cell>
          <cell r="G460">
            <v>2.7</v>
          </cell>
        </row>
        <row r="461">
          <cell r="A461">
            <v>2018</v>
          </cell>
          <cell r="F461">
            <v>1.2</v>
          </cell>
          <cell r="G461">
            <v>1.9</v>
          </cell>
        </row>
        <row r="462">
          <cell r="A462">
            <v>2018</v>
          </cell>
          <cell r="F462">
            <v>0.5</v>
          </cell>
          <cell r="G462">
            <v>1</v>
          </cell>
        </row>
        <row r="463">
          <cell r="A463">
            <v>2018</v>
          </cell>
          <cell r="F463">
            <v>0.1</v>
          </cell>
          <cell r="G463">
            <v>0.5</v>
          </cell>
        </row>
        <row r="464">
          <cell r="A464">
            <v>2019</v>
          </cell>
          <cell r="F464">
            <v>6.1</v>
          </cell>
          <cell r="G464">
            <v>5.8</v>
          </cell>
        </row>
        <row r="465">
          <cell r="A465">
            <v>2019</v>
          </cell>
          <cell r="F465">
            <v>6.1</v>
          </cell>
          <cell r="G465">
            <v>5.7</v>
          </cell>
        </row>
        <row r="466">
          <cell r="A466">
            <v>2019</v>
          </cell>
          <cell r="F466">
            <v>5.9</v>
          </cell>
          <cell r="G466">
            <v>5.6</v>
          </cell>
        </row>
        <row r="467">
          <cell r="A467">
            <v>2019</v>
          </cell>
          <cell r="F467">
            <v>5.6</v>
          </cell>
          <cell r="G467">
            <v>5.3</v>
          </cell>
        </row>
        <row r="468">
          <cell r="A468">
            <v>2019</v>
          </cell>
          <cell r="F468">
            <v>6.3</v>
          </cell>
          <cell r="G468">
            <v>6</v>
          </cell>
        </row>
        <row r="469">
          <cell r="A469">
            <v>2019</v>
          </cell>
          <cell r="F469">
            <v>6.9</v>
          </cell>
          <cell r="G469">
            <v>6.6</v>
          </cell>
        </row>
        <row r="470">
          <cell r="A470">
            <v>2019</v>
          </cell>
          <cell r="F470">
            <v>7.1</v>
          </cell>
          <cell r="G470">
            <v>6.7</v>
          </cell>
        </row>
        <row r="471">
          <cell r="A471">
            <v>2019</v>
          </cell>
          <cell r="F471">
            <v>6.7</v>
          </cell>
          <cell r="G471">
            <v>6.3</v>
          </cell>
        </row>
        <row r="472">
          <cell r="A472">
            <v>2019</v>
          </cell>
          <cell r="F472">
            <v>6.2</v>
          </cell>
          <cell r="G472">
            <v>5.7</v>
          </cell>
        </row>
        <row r="473">
          <cell r="A473">
            <v>2019</v>
          </cell>
          <cell r="F473">
            <v>6.9</v>
          </cell>
          <cell r="G473">
            <v>6.5</v>
          </cell>
        </row>
        <row r="474">
          <cell r="A474">
            <v>2019</v>
          </cell>
          <cell r="F474">
            <v>7.3</v>
          </cell>
          <cell r="G474">
            <v>7.1</v>
          </cell>
        </row>
        <row r="475">
          <cell r="A475">
            <v>2019</v>
          </cell>
          <cell r="F475">
            <v>6.7</v>
          </cell>
          <cell r="G475">
            <v>6.8</v>
          </cell>
        </row>
        <row r="476">
          <cell r="A476">
            <v>2019</v>
          </cell>
          <cell r="F476">
            <v>5.7</v>
          </cell>
          <cell r="G476">
            <v>5.7</v>
          </cell>
        </row>
        <row r="477">
          <cell r="A477">
            <v>2019</v>
          </cell>
          <cell r="F477">
            <v>4.8</v>
          </cell>
          <cell r="G477">
            <v>5.2</v>
          </cell>
        </row>
        <row r="478">
          <cell r="A478">
            <v>2019</v>
          </cell>
          <cell r="F478">
            <v>4.7</v>
          </cell>
          <cell r="G478">
            <v>5.2</v>
          </cell>
        </row>
        <row r="479">
          <cell r="A479">
            <v>2019</v>
          </cell>
          <cell r="F479">
            <v>3.1</v>
          </cell>
          <cell r="G479">
            <v>3.7</v>
          </cell>
        </row>
        <row r="480">
          <cell r="A480">
            <v>2019</v>
          </cell>
          <cell r="F480">
            <v>2.1</v>
          </cell>
          <cell r="G480">
            <v>2.8</v>
          </cell>
        </row>
        <row r="481">
          <cell r="A481">
            <v>2019</v>
          </cell>
          <cell r="F481">
            <v>1.2</v>
          </cell>
          <cell r="G481">
            <v>1.9</v>
          </cell>
        </row>
        <row r="482">
          <cell r="A482">
            <v>2019</v>
          </cell>
          <cell r="F482">
            <v>0.5</v>
          </cell>
          <cell r="G482">
            <v>1</v>
          </cell>
        </row>
        <row r="483">
          <cell r="A483">
            <v>2019</v>
          </cell>
          <cell r="F483">
            <v>0.2</v>
          </cell>
          <cell r="G483">
            <v>0.5</v>
          </cell>
        </row>
      </sheetData>
      <sheetData sheetId="6">
        <row r="3">
          <cell r="B3">
            <v>2010</v>
          </cell>
          <cell r="C3">
            <v>2020</v>
          </cell>
          <cell r="D3">
            <v>2030</v>
          </cell>
          <cell r="E3">
            <v>2040</v>
          </cell>
          <cell r="F3">
            <v>2050</v>
          </cell>
          <cell r="G3">
            <v>2060</v>
          </cell>
          <cell r="H3">
            <v>2070</v>
          </cell>
          <cell r="I3">
            <v>2080</v>
          </cell>
          <cell r="J3">
            <v>2090</v>
          </cell>
          <cell r="K3">
            <v>2100</v>
          </cell>
          <cell r="L3">
            <v>2120</v>
          </cell>
          <cell r="M3">
            <v>2150</v>
          </cell>
          <cell r="N3">
            <v>2200</v>
          </cell>
        </row>
        <row r="4">
          <cell r="A4" t="str">
            <v>Low</v>
          </cell>
        </row>
        <row r="5">
          <cell r="A5" t="str">
            <v>Intermediate-Low</v>
          </cell>
        </row>
        <row r="6">
          <cell r="A6" t="str">
            <v>Intermediate</v>
          </cell>
        </row>
        <row r="7">
          <cell r="A7" t="str">
            <v>Intermediate-High</v>
          </cell>
        </row>
        <row r="8">
          <cell r="A8" t="str">
            <v>High</v>
          </cell>
        </row>
        <row r="9">
          <cell r="A9" t="str">
            <v>Extreme</v>
          </cell>
        </row>
      </sheetData>
    </sheetDataSet>
  </externalBook>
</externalLink>
</file>

<file path=xl/slicerCaches/slicerCache1.xml><?xml version="1.0" encoding="utf-8"?>
<slicerCacheDefinition xmlns="http://schemas.microsoft.com/office/spreadsheetml/2009/9/main" xmlns:mc="http://schemas.openxmlformats.org/markup-compatibility/2006" xmlns:x="http://schemas.openxmlformats.org/spreadsheetml/2006/main" xmlns:xr10="http://schemas.microsoft.com/office/spreadsheetml/2016/revision10" mc:Ignorable="x xr10" name="Slicer_Region" xr10:uid="{D7EC4574-F316-4940-BF14-64F153616910}" sourceName="Region">
  <extLst>
    <x:ext xmlns:x15="http://schemas.microsoft.com/office/spreadsheetml/2010/11/main" uri="{2F2917AC-EB37-4324-AD4E-5DD8C200BD13}">
      <x15:tableSlicerCache tableId="1" column="1"/>
    </x:ext>
  </extLst>
</slicerCacheDefinition>
</file>

<file path=xl/slicers/slicer1.xml><?xml version="1.0" encoding="utf-8"?>
<slicers xmlns="http://schemas.microsoft.com/office/spreadsheetml/2009/9/main" xmlns:mc="http://schemas.openxmlformats.org/markup-compatibility/2006" xmlns:x="http://schemas.openxmlformats.org/spreadsheetml/2006/main" xmlns:xr10="http://schemas.microsoft.com/office/spreadsheetml/2016/revision10" mc:Ignorable="x xr10">
  <slicer name="Region" xr10:uid="{8C5A9D71-F5A4-4A03-AABB-681759CAACD3}" cache="Slicer_Region" caption="Region" columnCount="5" style="SlicerStyleLight6" rowHeight="241300"/>
</slicer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ADB42EE6-5A19-4CF3-869F-BF07615F467F}" name="Table1" displayName="Table1" ref="A3:D180" totalsRowShown="0" headerRowDxfId="0" headerRowCellStyle="Accent1">
  <autoFilter ref="A3:D180" xr:uid="{ADB42EE6-5A19-4CF3-869F-BF07615F467F}"/>
  <tableColumns count="4">
    <tableColumn id="1" xr3:uid="{26A8CD33-A9ED-49C8-B0F5-DA3585418BAC}" name="Region"/>
    <tableColumn id="2" xr3:uid="{AD45B94E-73E0-4D88-8754-FA887272E121}" name="Country"/>
    <tableColumn id="3" xr3:uid="{9236946D-0F36-4DDC-9AC5-2C44D0141CD3}" name="Biocapacity" dataDxfId="1" dataCellStyle="Comma"/>
    <tableColumn id="4" xr3:uid="{F3E95A7D-ACE7-402F-95B4-7CD8F43FAE47}" name="Eco-Footprint PP"/>
  </tableColumns>
  <tableStyleInfo name="TableStyleLight14"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https://data.footprintnetwork.org/?_ga=2.67928725.548786631.1583394135-1720997595.1583394135" TargetMode="External"/><Relationship Id="rId5" Type="http://schemas.microsoft.com/office/2007/relationships/slicer" Target="../slicers/slicer1.xml"/><Relationship Id="rId4" Type="http://schemas.openxmlformats.org/officeDocument/2006/relationships/table" Target="../tables/table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927B96B-29A6-462F-9155-82BAA0F197D8}">
  <sheetPr codeName="Sheet5"/>
  <dimension ref="A1:GI190"/>
  <sheetViews>
    <sheetView showGridLines="0" tabSelected="1" zoomScale="120" zoomScaleNormal="120" workbookViewId="0">
      <selection activeCell="G32" sqref="G32"/>
    </sheetView>
  </sheetViews>
  <sheetFormatPr defaultRowHeight="14.25"/>
  <cols>
    <col min="1" max="1" width="10.875" customWidth="1"/>
    <col min="2" max="2" width="31.75" customWidth="1"/>
    <col min="3" max="3" width="15.875" customWidth="1"/>
    <col min="4" max="4" width="17.625" customWidth="1"/>
    <col min="6" max="6" width="9.875" customWidth="1"/>
    <col min="7" max="8" width="10.875" customWidth="1"/>
    <col min="9" max="9" width="19.375" customWidth="1"/>
    <col min="10" max="10" width="10.125" customWidth="1"/>
    <col min="11" max="11" width="9.875" customWidth="1"/>
    <col min="12" max="12" width="9.125" customWidth="1"/>
    <col min="13" max="13" width="9.375" customWidth="1"/>
    <col min="15" max="15" width="10.875" customWidth="1"/>
    <col min="16" max="16" width="9.625" customWidth="1"/>
    <col min="18" max="18" width="11.375" customWidth="1"/>
    <col min="19" max="19" width="9.75" customWidth="1"/>
    <col min="24" max="24" width="9.625" customWidth="1"/>
    <col min="27" max="27" width="21.625" customWidth="1"/>
    <col min="28" max="28" width="10.125" customWidth="1"/>
    <col min="30" max="30" width="17.625" customWidth="1"/>
    <col min="32" max="32" width="12.625" customWidth="1"/>
    <col min="34" max="34" width="11.625" customWidth="1"/>
    <col min="35" max="35" width="10.25" customWidth="1"/>
    <col min="36" max="36" width="10.625" customWidth="1"/>
    <col min="38" max="38" width="14.75" customWidth="1"/>
    <col min="39" max="39" width="21.875" customWidth="1"/>
    <col min="43" max="43" width="9.75" customWidth="1"/>
    <col min="44" max="44" width="9.375" customWidth="1"/>
    <col min="46" max="46" width="26.875" customWidth="1"/>
    <col min="47" max="47" width="11.75" customWidth="1"/>
    <col min="48" max="48" width="10.375" customWidth="1"/>
    <col min="49" max="49" width="12.375" customWidth="1"/>
    <col min="53" max="53" width="14.125" customWidth="1"/>
    <col min="54" max="54" width="9.625" customWidth="1"/>
    <col min="56" max="56" width="9.75" customWidth="1"/>
    <col min="57" max="57" width="18.125" customWidth="1"/>
    <col min="60" max="60" width="11.125" customWidth="1"/>
    <col min="61" max="61" width="16.75" customWidth="1"/>
    <col min="69" max="69" width="13.875" customWidth="1"/>
    <col min="70" max="70" width="15.875" customWidth="1"/>
    <col min="74" max="74" width="9.625" customWidth="1"/>
    <col min="78" max="78" width="11.875" customWidth="1"/>
    <col min="79" max="79" width="11.125" customWidth="1"/>
    <col min="81" max="81" width="13.625" customWidth="1"/>
    <col min="84" max="84" width="9.875" customWidth="1"/>
    <col min="87" max="87" width="9.875" customWidth="1"/>
    <col min="88" max="88" width="21.625" customWidth="1"/>
    <col min="96" max="96" width="11.375" customWidth="1"/>
    <col min="98" max="98" width="26.875" customWidth="1"/>
    <col min="99" max="99" width="17" customWidth="1"/>
    <col min="101" max="101" width="10.875" customWidth="1"/>
    <col min="102" max="102" width="26.875" customWidth="1"/>
    <col min="107" max="107" width="21.125" customWidth="1"/>
    <col min="108" max="108" width="9.625" customWidth="1"/>
    <col min="109" max="109" width="12.125" customWidth="1"/>
    <col min="110" max="110" width="15.625" customWidth="1"/>
    <col min="111" max="111" width="12" customWidth="1"/>
    <col min="113" max="113" width="9.375" customWidth="1"/>
    <col min="116" max="117" width="11.125" customWidth="1"/>
    <col min="118" max="118" width="9.875" customWidth="1"/>
    <col min="120" max="120" width="9.25" customWidth="1"/>
    <col min="121" max="121" width="9.75" customWidth="1"/>
    <col min="122" max="122" width="12.25" customWidth="1"/>
    <col min="123" max="123" width="11.375" customWidth="1"/>
    <col min="124" max="124" width="9.25" customWidth="1"/>
    <col min="125" max="125" width="12.75" customWidth="1"/>
    <col min="126" max="126" width="10.125" customWidth="1"/>
    <col min="129" max="129" width="12.125" customWidth="1"/>
    <col min="130" max="130" width="12.75" customWidth="1"/>
    <col min="131" max="131" width="10.375" customWidth="1"/>
    <col min="138" max="138" width="17.625" customWidth="1"/>
    <col min="139" max="139" width="9.625" customWidth="1"/>
    <col min="141" max="141" width="10.875" customWidth="1"/>
    <col min="146" max="146" width="9.25" customWidth="1"/>
    <col min="147" max="147" width="17.625" customWidth="1"/>
    <col min="149" max="149" width="10.875" customWidth="1"/>
    <col min="151" max="151" width="20.75" customWidth="1"/>
    <col min="152" max="152" width="12.375" customWidth="1"/>
    <col min="155" max="155" width="12.25" customWidth="1"/>
    <col min="156" max="156" width="10.125" customWidth="1"/>
    <col min="159" max="159" width="15.375" customWidth="1"/>
    <col min="161" max="161" width="12.125" customWidth="1"/>
    <col min="162" max="162" width="12.25" customWidth="1"/>
    <col min="164" max="164" width="9.375" customWidth="1"/>
    <col min="166" max="166" width="9.875" customWidth="1"/>
    <col min="168" max="168" width="11.625" customWidth="1"/>
    <col min="169" max="169" width="19" customWidth="1"/>
    <col min="170" max="170" width="9.875" customWidth="1"/>
    <col min="171" max="171" width="25.375" customWidth="1"/>
    <col min="173" max="173" width="11.875" customWidth="1"/>
    <col min="176" max="176" width="18.875" customWidth="1"/>
    <col min="179" max="179" width="13.375" customWidth="1"/>
    <col min="182" max="182" width="19.625" customWidth="1"/>
    <col min="183" max="183" width="15.25" customWidth="1"/>
    <col min="184" max="184" width="22.625" customWidth="1"/>
    <col min="186" max="186" width="11.125" customWidth="1"/>
    <col min="187" max="187" width="26.875" customWidth="1"/>
    <col min="188" max="188" width="9.625" customWidth="1"/>
    <col min="191" max="191" width="10.625" customWidth="1"/>
  </cols>
  <sheetData>
    <row r="1" spans="1:4" s="2" customFormat="1" ht="35.85" customHeight="1">
      <c r="A1" s="1" t="s">
        <v>186</v>
      </c>
      <c r="B1" s="1"/>
    </row>
    <row r="3" spans="1:4" ht="15">
      <c r="A3" s="3" t="s">
        <v>0</v>
      </c>
      <c r="B3" s="3" t="s">
        <v>1</v>
      </c>
      <c r="C3" s="3" t="s">
        <v>2</v>
      </c>
      <c r="D3" s="3" t="s">
        <v>3</v>
      </c>
    </row>
    <row r="4" spans="1:4">
      <c r="A4" t="s">
        <v>4</v>
      </c>
      <c r="B4" t="s">
        <v>5</v>
      </c>
      <c r="C4" s="4">
        <v>14800000</v>
      </c>
      <c r="D4">
        <v>0.7</v>
      </c>
    </row>
    <row r="5" spans="1:4">
      <c r="A5" t="s">
        <v>6</v>
      </c>
      <c r="B5" t="s">
        <v>7</v>
      </c>
      <c r="C5" s="4">
        <v>3020000</v>
      </c>
      <c r="D5">
        <v>2</v>
      </c>
    </row>
    <row r="6" spans="1:4">
      <c r="A6" t="s">
        <v>8</v>
      </c>
      <c r="B6" t="s">
        <v>9</v>
      </c>
      <c r="C6" s="4">
        <v>21500000</v>
      </c>
      <c r="D6">
        <v>2.4</v>
      </c>
    </row>
    <row r="7" spans="1:4">
      <c r="A7" t="s">
        <v>8</v>
      </c>
      <c r="B7" t="s">
        <v>10</v>
      </c>
      <c r="C7" s="4">
        <v>56200000</v>
      </c>
      <c r="D7">
        <v>1</v>
      </c>
    </row>
    <row r="8" spans="1:4">
      <c r="A8" t="s">
        <v>11</v>
      </c>
      <c r="B8" t="s">
        <v>12</v>
      </c>
      <c r="C8" s="4">
        <v>85200</v>
      </c>
      <c r="D8">
        <v>4.3</v>
      </c>
    </row>
    <row r="9" spans="1:4">
      <c r="A9" t="s">
        <v>11</v>
      </c>
      <c r="B9" t="s">
        <v>13</v>
      </c>
      <c r="C9" s="4">
        <v>300000000</v>
      </c>
      <c r="D9">
        <v>3.4</v>
      </c>
    </row>
    <row r="10" spans="1:4">
      <c r="A10" t="s">
        <v>4</v>
      </c>
      <c r="B10" t="s">
        <v>14</v>
      </c>
      <c r="C10" s="4">
        <v>2320000</v>
      </c>
      <c r="D10">
        <v>1.9</v>
      </c>
    </row>
    <row r="11" spans="1:4">
      <c r="A11" t="s">
        <v>15</v>
      </c>
      <c r="B11" t="s">
        <v>16</v>
      </c>
      <c r="C11" s="4">
        <v>296000000</v>
      </c>
      <c r="D11">
        <v>6.6</v>
      </c>
    </row>
    <row r="12" spans="1:4">
      <c r="A12" t="s">
        <v>6</v>
      </c>
      <c r="B12">
        <v>1</v>
      </c>
      <c r="C12" s="4">
        <v>25400000</v>
      </c>
      <c r="D12">
        <v>6</v>
      </c>
    </row>
    <row r="13" spans="1:4">
      <c r="A13" t="s">
        <v>4</v>
      </c>
      <c r="B13" t="s">
        <v>17</v>
      </c>
      <c r="C13" s="4">
        <v>7530000</v>
      </c>
      <c r="D13">
        <v>2.1</v>
      </c>
    </row>
    <row r="14" spans="1:4">
      <c r="A14" t="s">
        <v>11</v>
      </c>
      <c r="B14" t="s">
        <v>18</v>
      </c>
      <c r="C14" s="4">
        <v>3590000</v>
      </c>
      <c r="D14">
        <v>3.7</v>
      </c>
    </row>
    <row r="15" spans="1:4">
      <c r="A15" t="s">
        <v>4</v>
      </c>
      <c r="B15" t="s">
        <v>19</v>
      </c>
      <c r="C15" s="4">
        <v>743000</v>
      </c>
      <c r="D15">
        <v>8.6</v>
      </c>
    </row>
    <row r="16" spans="1:4">
      <c r="A16" t="s">
        <v>4</v>
      </c>
      <c r="B16" t="s">
        <v>20</v>
      </c>
      <c r="C16" s="4">
        <v>66300000</v>
      </c>
      <c r="D16">
        <v>0.8</v>
      </c>
    </row>
    <row r="17" spans="1:4">
      <c r="A17" t="s">
        <v>11</v>
      </c>
      <c r="B17" t="s">
        <v>21</v>
      </c>
      <c r="C17" s="4">
        <v>47300</v>
      </c>
      <c r="D17">
        <v>3.8</v>
      </c>
    </row>
    <row r="18" spans="1:4">
      <c r="A18" t="s">
        <v>6</v>
      </c>
      <c r="B18" t="s">
        <v>22</v>
      </c>
      <c r="C18" s="4">
        <v>29000000</v>
      </c>
      <c r="D18">
        <v>4</v>
      </c>
    </row>
    <row r="19" spans="1:4">
      <c r="A19" t="s">
        <v>6</v>
      </c>
      <c r="B19" t="s">
        <v>23</v>
      </c>
      <c r="C19" s="4">
        <v>8920000</v>
      </c>
      <c r="D19">
        <v>6.3</v>
      </c>
    </row>
    <row r="20" spans="1:4">
      <c r="A20" t="s">
        <v>11</v>
      </c>
      <c r="B20" t="s">
        <v>24</v>
      </c>
      <c r="C20" s="4">
        <v>1390000</v>
      </c>
      <c r="D20">
        <v>5.4</v>
      </c>
    </row>
    <row r="21" spans="1:4">
      <c r="A21" t="s">
        <v>8</v>
      </c>
      <c r="B21" t="s">
        <v>25</v>
      </c>
      <c r="C21" s="4">
        <v>9700000</v>
      </c>
      <c r="D21">
        <v>1.4</v>
      </c>
    </row>
    <row r="22" spans="1:4">
      <c r="A22" t="s">
        <v>4</v>
      </c>
      <c r="B22" t="s">
        <v>26</v>
      </c>
      <c r="C22" s="4">
        <v>4000000</v>
      </c>
      <c r="D22">
        <v>4.5</v>
      </c>
    </row>
    <row r="23" spans="1:4">
      <c r="A23" t="s">
        <v>11</v>
      </c>
      <c r="B23" t="s">
        <v>27</v>
      </c>
      <c r="C23" s="4">
        <v>172000000</v>
      </c>
      <c r="D23">
        <v>3.2</v>
      </c>
    </row>
    <row r="24" spans="1:4">
      <c r="A24" t="s">
        <v>6</v>
      </c>
      <c r="B24" t="s">
        <v>28</v>
      </c>
      <c r="C24" s="4">
        <v>6680000</v>
      </c>
      <c r="D24">
        <v>3.7</v>
      </c>
    </row>
    <row r="25" spans="1:4">
      <c r="A25" t="s">
        <v>8</v>
      </c>
      <c r="B25" t="s">
        <v>29</v>
      </c>
      <c r="C25" s="4">
        <v>6990000</v>
      </c>
      <c r="D25">
        <v>2.7</v>
      </c>
    </row>
    <row r="26" spans="1:4">
      <c r="A26" t="s">
        <v>11</v>
      </c>
      <c r="B26" t="s">
        <v>30</v>
      </c>
      <c r="C26" s="4">
        <v>1810000000</v>
      </c>
      <c r="D26">
        <v>2.8</v>
      </c>
    </row>
    <row r="27" spans="1:4">
      <c r="A27" t="s">
        <v>4</v>
      </c>
      <c r="B27" t="s">
        <v>31</v>
      </c>
      <c r="C27" s="4">
        <v>1180000</v>
      </c>
      <c r="D27">
        <v>4.2</v>
      </c>
    </row>
    <row r="28" spans="1:4">
      <c r="A28" t="s">
        <v>6</v>
      </c>
      <c r="B28" t="s">
        <v>32</v>
      </c>
      <c r="C28" s="4">
        <v>23300000</v>
      </c>
      <c r="D28">
        <v>3.4</v>
      </c>
    </row>
    <row r="29" spans="1:4">
      <c r="A29" t="s">
        <v>8</v>
      </c>
      <c r="B29" t="s">
        <v>33</v>
      </c>
      <c r="C29" s="4">
        <v>18500000</v>
      </c>
      <c r="D29">
        <v>1.2</v>
      </c>
    </row>
    <row r="30" spans="1:4">
      <c r="A30" t="s">
        <v>8</v>
      </c>
      <c r="B30" t="s">
        <v>34</v>
      </c>
      <c r="C30" s="4">
        <v>4030000</v>
      </c>
      <c r="D30">
        <v>0.7</v>
      </c>
    </row>
    <row r="31" spans="1:4">
      <c r="A31" t="s">
        <v>8</v>
      </c>
      <c r="B31" t="s">
        <v>35</v>
      </c>
      <c r="C31" s="4">
        <v>323000</v>
      </c>
      <c r="D31">
        <v>1.4</v>
      </c>
    </row>
    <row r="32" spans="1:4">
      <c r="A32" t="s">
        <v>4</v>
      </c>
      <c r="B32" t="s">
        <v>36</v>
      </c>
      <c r="C32" s="4">
        <v>17700000</v>
      </c>
      <c r="D32">
        <v>1.4</v>
      </c>
    </row>
    <row r="33" spans="1:4">
      <c r="A33" t="s">
        <v>8</v>
      </c>
      <c r="B33" t="s">
        <v>37</v>
      </c>
      <c r="C33" s="4">
        <v>39700000</v>
      </c>
      <c r="D33">
        <v>1.4</v>
      </c>
    </row>
    <row r="34" spans="1:4">
      <c r="A34" t="s">
        <v>11</v>
      </c>
      <c r="B34" t="s">
        <v>38</v>
      </c>
      <c r="C34" s="4">
        <v>549000000</v>
      </c>
      <c r="D34">
        <v>7.7</v>
      </c>
    </row>
    <row r="35" spans="1:4">
      <c r="A35" t="s">
        <v>8</v>
      </c>
      <c r="B35" t="s">
        <v>39</v>
      </c>
      <c r="C35" s="4">
        <v>35200000</v>
      </c>
      <c r="D35">
        <v>1.2</v>
      </c>
    </row>
    <row r="36" spans="1:4">
      <c r="A36" t="s">
        <v>8</v>
      </c>
      <c r="B36" t="s">
        <v>40</v>
      </c>
      <c r="C36" s="4">
        <v>27300000</v>
      </c>
      <c r="D36">
        <v>1.5</v>
      </c>
    </row>
    <row r="37" spans="1:4">
      <c r="A37" t="s">
        <v>11</v>
      </c>
      <c r="B37" t="s">
        <v>41</v>
      </c>
      <c r="C37" s="4">
        <v>63500000</v>
      </c>
      <c r="D37">
        <v>4.3</v>
      </c>
    </row>
    <row r="38" spans="1:4">
      <c r="A38" t="s">
        <v>4</v>
      </c>
      <c r="B38" t="s">
        <v>42</v>
      </c>
      <c r="C38" s="4">
        <v>1370000000</v>
      </c>
      <c r="D38">
        <v>3.6</v>
      </c>
    </row>
    <row r="39" spans="1:4">
      <c r="A39" t="s">
        <v>11</v>
      </c>
      <c r="B39" t="s">
        <v>43</v>
      </c>
      <c r="C39" s="4">
        <v>177000000</v>
      </c>
      <c r="D39">
        <v>2</v>
      </c>
    </row>
    <row r="40" spans="1:4">
      <c r="A40" t="s">
        <v>8</v>
      </c>
      <c r="B40" t="s">
        <v>44</v>
      </c>
      <c r="C40" s="4">
        <v>275000</v>
      </c>
      <c r="D40">
        <v>1.2</v>
      </c>
    </row>
    <row r="41" spans="1:4">
      <c r="A41" t="s">
        <v>8</v>
      </c>
      <c r="B41" t="s">
        <v>45</v>
      </c>
      <c r="C41" s="4">
        <v>47100000</v>
      </c>
      <c r="D41">
        <v>0.7</v>
      </c>
    </row>
    <row r="42" spans="1:4">
      <c r="A42" t="s">
        <v>11</v>
      </c>
      <c r="B42" t="s">
        <v>46</v>
      </c>
      <c r="C42" s="4">
        <v>7550000</v>
      </c>
      <c r="D42">
        <v>2.7</v>
      </c>
    </row>
    <row r="43" spans="1:4">
      <c r="A43" t="s">
        <v>8</v>
      </c>
      <c r="B43" t="s">
        <v>47</v>
      </c>
      <c r="C43" s="4">
        <v>44300000</v>
      </c>
      <c r="D43">
        <v>1.2</v>
      </c>
    </row>
    <row r="44" spans="1:4">
      <c r="A44" t="s">
        <v>6</v>
      </c>
      <c r="B44" t="s">
        <v>48</v>
      </c>
      <c r="C44" s="4">
        <v>13400000</v>
      </c>
      <c r="D44">
        <v>3.9</v>
      </c>
    </row>
    <row r="45" spans="1:4">
      <c r="A45" t="s">
        <v>11</v>
      </c>
      <c r="B45" t="s">
        <v>49</v>
      </c>
      <c r="C45" s="4">
        <v>9300000</v>
      </c>
      <c r="D45">
        <v>1.8</v>
      </c>
    </row>
    <row r="46" spans="1:4">
      <c r="A46" t="s">
        <v>4</v>
      </c>
      <c r="B46" t="s">
        <v>50</v>
      </c>
      <c r="C46" s="4">
        <v>321000</v>
      </c>
      <c r="D46">
        <v>3.7</v>
      </c>
    </row>
    <row r="47" spans="1:4">
      <c r="A47" t="s">
        <v>6</v>
      </c>
      <c r="B47" t="s">
        <v>51</v>
      </c>
      <c r="C47" s="4">
        <v>27600000</v>
      </c>
      <c r="D47">
        <v>5.6</v>
      </c>
    </row>
    <row r="48" spans="1:4">
      <c r="A48" t="s">
        <v>8</v>
      </c>
      <c r="B48" t="s">
        <v>52</v>
      </c>
      <c r="C48" s="4">
        <v>199000000</v>
      </c>
      <c r="D48">
        <v>1.1000000000000001</v>
      </c>
    </row>
    <row r="49" spans="1:191">
      <c r="A49" t="s">
        <v>6</v>
      </c>
      <c r="B49" t="s">
        <v>53</v>
      </c>
      <c r="C49" s="4">
        <v>23800000</v>
      </c>
      <c r="D49">
        <v>6.8</v>
      </c>
    </row>
    <row r="50" spans="1:191">
      <c r="A50" t="s">
        <v>8</v>
      </c>
      <c r="B50" t="s">
        <v>54</v>
      </c>
      <c r="C50" s="4">
        <v>679000</v>
      </c>
      <c r="D50">
        <v>2.4</v>
      </c>
    </row>
    <row r="51" spans="1:191">
      <c r="A51" t="s">
        <v>11</v>
      </c>
      <c r="B51" t="s">
        <v>55</v>
      </c>
      <c r="C51" s="4">
        <v>77100</v>
      </c>
      <c r="D51">
        <v>2.4</v>
      </c>
    </row>
    <row r="52" spans="1:191">
      <c r="A52" t="s">
        <v>11</v>
      </c>
      <c r="B52" t="s">
        <v>56</v>
      </c>
      <c r="C52" s="4">
        <v>32600000</v>
      </c>
      <c r="D52">
        <v>1.7</v>
      </c>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4"/>
      <c r="BK52" s="4"/>
      <c r="BL52" s="4"/>
      <c r="BM52" s="4"/>
      <c r="BN52" s="4"/>
      <c r="BO52" s="4"/>
      <c r="BP52" s="4"/>
      <c r="BQ52" s="4"/>
      <c r="BR52" s="4"/>
      <c r="BS52" s="4"/>
      <c r="BT52" s="4"/>
      <c r="BU52" s="4"/>
      <c r="BV52" s="4"/>
      <c r="BW52" s="4"/>
      <c r="BX52" s="4"/>
      <c r="BY52" s="4"/>
      <c r="BZ52" s="4"/>
      <c r="CA52" s="4"/>
      <c r="CB52" s="4"/>
      <c r="CC52" s="4"/>
      <c r="CD52" s="4"/>
      <c r="CE52" s="4"/>
      <c r="CF52" s="4"/>
      <c r="CG52" s="4"/>
      <c r="CH52" s="4"/>
      <c r="CI52" s="4"/>
      <c r="CJ52" s="4"/>
      <c r="CK52" s="4"/>
      <c r="CL52" s="4"/>
      <c r="CM52" s="4"/>
      <c r="CN52" s="4"/>
      <c r="CO52" s="4"/>
      <c r="CP52" s="4"/>
      <c r="CQ52" s="4"/>
      <c r="CR52" s="4"/>
      <c r="CS52" s="4"/>
      <c r="CT52" s="4"/>
      <c r="CU52" s="4"/>
      <c r="CV52" s="4"/>
      <c r="CW52" s="4"/>
      <c r="CX52" s="4"/>
      <c r="CY52" s="4"/>
      <c r="CZ52" s="4"/>
      <c r="DA52" s="4"/>
      <c r="DB52" s="4"/>
      <c r="DC52" s="4"/>
      <c r="DD52" s="4"/>
      <c r="DE52" s="4"/>
      <c r="DF52" s="4"/>
      <c r="DG52" s="4"/>
      <c r="DH52" s="4"/>
      <c r="DI52" s="4"/>
      <c r="DJ52" s="4"/>
      <c r="DK52" s="4"/>
      <c r="DL52" s="4"/>
      <c r="DM52" s="4"/>
      <c r="DN52" s="4"/>
      <c r="DO52" s="4"/>
      <c r="DP52" s="4"/>
      <c r="DQ52" s="4"/>
      <c r="DR52" s="4"/>
      <c r="DS52" s="4"/>
      <c r="DT52" s="4"/>
      <c r="DU52" s="4"/>
      <c r="DV52" s="4"/>
      <c r="DW52" s="4"/>
      <c r="DX52" s="4"/>
      <c r="DY52" s="4"/>
      <c r="DZ52" s="4"/>
      <c r="EA52" s="4"/>
      <c r="EB52" s="4"/>
      <c r="EC52" s="4"/>
      <c r="ED52" s="4"/>
      <c r="EE52" s="4"/>
      <c r="EF52" s="4"/>
      <c r="EG52" s="4"/>
      <c r="EH52" s="4"/>
      <c r="EI52" s="4"/>
      <c r="EJ52" s="4"/>
      <c r="EK52" s="4"/>
      <c r="EL52" s="4"/>
      <c r="EM52" s="4"/>
      <c r="EN52" s="4"/>
      <c r="EO52" s="4"/>
      <c r="EP52" s="4"/>
      <c r="EQ52" s="4"/>
      <c r="ER52" s="4"/>
      <c r="ES52" s="4"/>
      <c r="ET52" s="4"/>
      <c r="EU52" s="4"/>
      <c r="EV52" s="4"/>
      <c r="EW52" s="4"/>
      <c r="EX52" s="4"/>
      <c r="EY52" s="4"/>
      <c r="EZ52" s="4"/>
      <c r="FA52" s="4"/>
      <c r="FB52" s="4"/>
      <c r="FC52" s="4"/>
      <c r="FD52" s="4"/>
      <c r="FE52" s="4"/>
      <c r="FF52" s="4"/>
      <c r="FG52" s="4"/>
      <c r="FH52" s="4"/>
      <c r="FI52" s="4"/>
      <c r="FJ52" s="4"/>
      <c r="FK52" s="4"/>
      <c r="FL52" s="4"/>
      <c r="FM52" s="4"/>
      <c r="FN52" s="4"/>
      <c r="FO52" s="4"/>
      <c r="FP52" s="4"/>
      <c r="FQ52" s="4"/>
      <c r="FR52" s="4"/>
      <c r="FS52" s="4"/>
      <c r="FT52" s="4"/>
      <c r="FU52" s="4"/>
      <c r="FV52" s="4"/>
      <c r="FW52" s="4"/>
      <c r="FX52" s="4"/>
      <c r="FY52" s="4"/>
      <c r="FZ52" s="4"/>
      <c r="GA52" s="4"/>
      <c r="GB52" s="4"/>
      <c r="GC52" s="4"/>
      <c r="GD52" s="4"/>
      <c r="GE52" s="4"/>
      <c r="GF52" s="4"/>
      <c r="GG52" s="4"/>
      <c r="GH52" s="4"/>
      <c r="GI52" s="4"/>
    </row>
    <row r="53" spans="1:191">
      <c r="A53" t="s">
        <v>11</v>
      </c>
      <c r="B53" t="s">
        <v>57</v>
      </c>
      <c r="C53" s="4">
        <v>6540000</v>
      </c>
      <c r="D53">
        <v>1.7</v>
      </c>
    </row>
    <row r="54" spans="1:191">
      <c r="A54" t="s">
        <v>8</v>
      </c>
      <c r="B54" t="s">
        <v>58</v>
      </c>
      <c r="C54" s="4">
        <v>43000000</v>
      </c>
      <c r="D54">
        <v>1.8</v>
      </c>
    </row>
    <row r="55" spans="1:191">
      <c r="A55" t="s">
        <v>11</v>
      </c>
      <c r="B55" t="s">
        <v>59</v>
      </c>
      <c r="C55" s="4">
        <v>3780000</v>
      </c>
      <c r="D55">
        <v>2.1</v>
      </c>
    </row>
    <row r="56" spans="1:191">
      <c r="A56" t="s">
        <v>8</v>
      </c>
      <c r="B56" t="s">
        <v>60</v>
      </c>
      <c r="C56" s="4">
        <v>3170000</v>
      </c>
      <c r="D56">
        <v>1.9</v>
      </c>
    </row>
    <row r="57" spans="1:191">
      <c r="A57" t="s">
        <v>8</v>
      </c>
      <c r="B57" t="s">
        <v>61</v>
      </c>
      <c r="C57" s="4">
        <v>7950000</v>
      </c>
      <c r="D57">
        <v>0.5</v>
      </c>
    </row>
    <row r="58" spans="1:191">
      <c r="A58" t="s">
        <v>6</v>
      </c>
      <c r="B58" t="s">
        <v>62</v>
      </c>
      <c r="C58" s="4">
        <v>12500000</v>
      </c>
      <c r="D58">
        <v>7.1</v>
      </c>
    </row>
    <row r="59" spans="1:191">
      <c r="A59" t="s">
        <v>8</v>
      </c>
      <c r="B59" t="s">
        <v>63</v>
      </c>
      <c r="C59" s="4">
        <v>1140000</v>
      </c>
      <c r="D59">
        <v>1.9</v>
      </c>
    </row>
    <row r="60" spans="1:191">
      <c r="A60" t="s">
        <v>8</v>
      </c>
      <c r="B60" t="s">
        <v>64</v>
      </c>
      <c r="C60" s="4">
        <v>61900000</v>
      </c>
      <c r="D60">
        <v>1</v>
      </c>
    </row>
    <row r="61" spans="1:191">
      <c r="A61" t="s">
        <v>15</v>
      </c>
      <c r="B61" t="s">
        <v>65</v>
      </c>
      <c r="C61" s="4">
        <v>2110000</v>
      </c>
      <c r="D61">
        <v>3.1</v>
      </c>
    </row>
    <row r="62" spans="1:191">
      <c r="A62" t="s">
        <v>6</v>
      </c>
      <c r="B62" t="s">
        <v>66</v>
      </c>
      <c r="C62" s="4">
        <v>69500000</v>
      </c>
      <c r="D62">
        <v>6.3</v>
      </c>
    </row>
    <row r="63" spans="1:191">
      <c r="A63" t="s">
        <v>6</v>
      </c>
      <c r="B63" t="s">
        <v>67</v>
      </c>
      <c r="C63" s="4">
        <v>154000000</v>
      </c>
      <c r="D63">
        <v>4.4000000000000004</v>
      </c>
    </row>
    <row r="64" spans="1:191">
      <c r="A64" t="s">
        <v>11</v>
      </c>
      <c r="B64" t="s">
        <v>68</v>
      </c>
      <c r="C64" s="4">
        <v>26800000</v>
      </c>
      <c r="D64">
        <v>2.4</v>
      </c>
    </row>
    <row r="65" spans="1:4">
      <c r="A65" t="s">
        <v>8</v>
      </c>
      <c r="B65" t="s">
        <v>69</v>
      </c>
      <c r="C65" s="4">
        <v>43800000</v>
      </c>
      <c r="D65">
        <v>2.2999999999999998</v>
      </c>
    </row>
    <row r="66" spans="1:4">
      <c r="A66" t="s">
        <v>8</v>
      </c>
      <c r="B66" t="s">
        <v>70</v>
      </c>
      <c r="C66" s="4">
        <v>1500000</v>
      </c>
      <c r="D66">
        <v>1</v>
      </c>
    </row>
    <row r="67" spans="1:4">
      <c r="A67" t="s">
        <v>4</v>
      </c>
      <c r="B67" t="s">
        <v>71</v>
      </c>
      <c r="C67" s="4">
        <v>5180000</v>
      </c>
      <c r="D67">
        <v>2.1</v>
      </c>
    </row>
    <row r="68" spans="1:4">
      <c r="A68" t="s">
        <v>6</v>
      </c>
      <c r="B68" t="s">
        <v>72</v>
      </c>
      <c r="C68" s="4">
        <v>133000000</v>
      </c>
      <c r="D68">
        <v>4.8</v>
      </c>
    </row>
    <row r="69" spans="1:4">
      <c r="A69" t="s">
        <v>8</v>
      </c>
      <c r="B69" t="s">
        <v>73</v>
      </c>
      <c r="C69" s="4">
        <v>37200000</v>
      </c>
      <c r="D69">
        <v>2</v>
      </c>
    </row>
    <row r="70" spans="1:4">
      <c r="A70" t="s">
        <v>6</v>
      </c>
      <c r="B70" t="s">
        <v>74</v>
      </c>
      <c r="C70" s="4">
        <v>17400000</v>
      </c>
      <c r="D70">
        <v>4.3</v>
      </c>
    </row>
    <row r="71" spans="1:4">
      <c r="A71" t="s">
        <v>11</v>
      </c>
      <c r="B71" t="s">
        <v>75</v>
      </c>
      <c r="C71" s="4">
        <v>226000</v>
      </c>
      <c r="D71">
        <v>2.9</v>
      </c>
    </row>
    <row r="72" spans="1:4">
      <c r="A72" t="s">
        <v>11</v>
      </c>
      <c r="B72" t="s">
        <v>76</v>
      </c>
      <c r="C72" s="4">
        <v>17100000</v>
      </c>
      <c r="D72">
        <v>1.9</v>
      </c>
    </row>
    <row r="73" spans="1:4">
      <c r="A73" t="s">
        <v>8</v>
      </c>
      <c r="B73" t="s">
        <v>77</v>
      </c>
      <c r="C73" s="4">
        <v>24700000</v>
      </c>
      <c r="D73">
        <v>1.6</v>
      </c>
    </row>
    <row r="74" spans="1:4">
      <c r="A74" t="s">
        <v>8</v>
      </c>
      <c r="B74" t="s">
        <v>78</v>
      </c>
      <c r="C74" s="4">
        <v>5240000</v>
      </c>
      <c r="D74">
        <v>1.5</v>
      </c>
    </row>
    <row r="75" spans="1:4">
      <c r="A75" t="s">
        <v>11</v>
      </c>
      <c r="B75" t="s">
        <v>79</v>
      </c>
      <c r="C75" s="4">
        <v>52300000</v>
      </c>
      <c r="D75">
        <v>3.4</v>
      </c>
    </row>
    <row r="76" spans="1:4">
      <c r="A76" t="s">
        <v>11</v>
      </c>
      <c r="B76" t="s">
        <v>80</v>
      </c>
      <c r="C76" s="4">
        <v>3510000</v>
      </c>
      <c r="D76">
        <v>0.7</v>
      </c>
    </row>
    <row r="77" spans="1:4">
      <c r="A77" t="s">
        <v>11</v>
      </c>
      <c r="B77" t="s">
        <v>81</v>
      </c>
      <c r="C77" s="4">
        <v>13900000</v>
      </c>
      <c r="D77">
        <v>1.6</v>
      </c>
    </row>
    <row r="78" spans="1:4">
      <c r="A78" t="s">
        <v>6</v>
      </c>
      <c r="B78" t="s">
        <v>82</v>
      </c>
      <c r="C78" s="4">
        <v>24100000</v>
      </c>
      <c r="D78">
        <v>3.6</v>
      </c>
    </row>
    <row r="79" spans="1:4">
      <c r="A79" t="s">
        <v>4</v>
      </c>
      <c r="B79" t="s">
        <v>83</v>
      </c>
      <c r="C79" s="4">
        <v>566000000</v>
      </c>
      <c r="D79">
        <v>1.2</v>
      </c>
    </row>
    <row r="80" spans="1:4">
      <c r="A80" t="s">
        <v>4</v>
      </c>
      <c r="B80" t="s">
        <v>84</v>
      </c>
      <c r="C80" s="4">
        <v>334000000</v>
      </c>
      <c r="D80">
        <v>1.7</v>
      </c>
    </row>
    <row r="81" spans="1:4">
      <c r="A81" t="s">
        <v>4</v>
      </c>
      <c r="B81" t="s">
        <v>85</v>
      </c>
      <c r="C81" s="4">
        <v>7900000</v>
      </c>
      <c r="D81">
        <v>1.7</v>
      </c>
    </row>
    <row r="82" spans="1:4">
      <c r="A82" t="s">
        <v>6</v>
      </c>
      <c r="B82" t="s">
        <v>86</v>
      </c>
      <c r="C82" s="4">
        <v>15900000</v>
      </c>
      <c r="D82">
        <v>5.0999999999999996</v>
      </c>
    </row>
    <row r="83" spans="1:4">
      <c r="A83" t="s">
        <v>4</v>
      </c>
      <c r="B83" t="s">
        <v>87</v>
      </c>
      <c r="C83" s="4">
        <v>58700000</v>
      </c>
      <c r="D83">
        <v>3.2</v>
      </c>
    </row>
    <row r="84" spans="1:4">
      <c r="A84" t="s">
        <v>4</v>
      </c>
      <c r="B84" t="s">
        <v>88</v>
      </c>
      <c r="C84" s="4">
        <v>2060000</v>
      </c>
      <c r="D84">
        <v>4.9000000000000004</v>
      </c>
    </row>
    <row r="85" spans="1:4">
      <c r="A85" t="s">
        <v>6</v>
      </c>
      <c r="B85" t="s">
        <v>89</v>
      </c>
      <c r="C85" s="4">
        <v>56000000</v>
      </c>
      <c r="D85">
        <v>4.4000000000000004</v>
      </c>
    </row>
    <row r="86" spans="1:4">
      <c r="A86" t="s">
        <v>11</v>
      </c>
      <c r="B86" t="s">
        <v>90</v>
      </c>
      <c r="C86" s="4">
        <v>1200000</v>
      </c>
      <c r="D86">
        <v>1.6</v>
      </c>
    </row>
    <row r="87" spans="1:4">
      <c r="A87" t="s">
        <v>4</v>
      </c>
      <c r="B87" t="s">
        <v>91</v>
      </c>
      <c r="C87" s="4">
        <v>74300000</v>
      </c>
      <c r="D87">
        <v>4.5</v>
      </c>
    </row>
    <row r="88" spans="1:4">
      <c r="A88" t="s">
        <v>4</v>
      </c>
      <c r="B88" t="s">
        <v>92</v>
      </c>
      <c r="C88" s="4">
        <v>1610000</v>
      </c>
      <c r="D88">
        <v>2.1</v>
      </c>
    </row>
    <row r="89" spans="1:4">
      <c r="A89" t="s">
        <v>4</v>
      </c>
      <c r="B89" t="s">
        <v>93</v>
      </c>
      <c r="C89" s="4">
        <v>64700000</v>
      </c>
      <c r="D89">
        <v>5.5</v>
      </c>
    </row>
    <row r="90" spans="1:4">
      <c r="A90" t="s">
        <v>8</v>
      </c>
      <c r="B90" t="s">
        <v>94</v>
      </c>
      <c r="C90" s="4">
        <v>23600000</v>
      </c>
      <c r="D90">
        <v>1</v>
      </c>
    </row>
    <row r="91" spans="1:4">
      <c r="A91" t="s">
        <v>4</v>
      </c>
      <c r="B91" t="s">
        <v>95</v>
      </c>
      <c r="C91" s="4">
        <v>14500000</v>
      </c>
      <c r="D91">
        <v>0.9</v>
      </c>
    </row>
    <row r="92" spans="1:4">
      <c r="A92" t="s">
        <v>4</v>
      </c>
      <c r="B92" t="s">
        <v>96</v>
      </c>
      <c r="C92" s="4">
        <v>34000000</v>
      </c>
      <c r="D92">
        <v>6</v>
      </c>
    </row>
    <row r="93" spans="1:4">
      <c r="A93" t="s">
        <v>4</v>
      </c>
      <c r="B93" t="s">
        <v>97</v>
      </c>
      <c r="C93" s="4">
        <v>2390000</v>
      </c>
      <c r="D93">
        <v>8.6</v>
      </c>
    </row>
    <row r="94" spans="1:4">
      <c r="A94" t="s">
        <v>4</v>
      </c>
      <c r="B94" t="s">
        <v>98</v>
      </c>
      <c r="C94" s="4">
        <v>6930000</v>
      </c>
      <c r="D94">
        <v>1.7</v>
      </c>
    </row>
    <row r="95" spans="1:4">
      <c r="A95" t="s">
        <v>4</v>
      </c>
      <c r="B95" t="s">
        <v>99</v>
      </c>
      <c r="C95" s="4">
        <v>13200000</v>
      </c>
      <c r="D95">
        <v>1.9</v>
      </c>
    </row>
    <row r="96" spans="1:4">
      <c r="A96" t="s">
        <v>6</v>
      </c>
      <c r="B96" t="s">
        <v>100</v>
      </c>
      <c r="C96" s="4">
        <v>16700000</v>
      </c>
      <c r="D96">
        <v>6.4</v>
      </c>
    </row>
    <row r="97" spans="1:4">
      <c r="A97" t="s">
        <v>4</v>
      </c>
      <c r="B97" t="s">
        <v>101</v>
      </c>
      <c r="C97" s="4">
        <v>1700000</v>
      </c>
      <c r="D97">
        <v>3.3</v>
      </c>
    </row>
    <row r="98" spans="1:4">
      <c r="A98" t="s">
        <v>8</v>
      </c>
      <c r="B98" t="s">
        <v>102</v>
      </c>
      <c r="C98" s="4">
        <v>1620000</v>
      </c>
      <c r="D98">
        <v>1.4</v>
      </c>
    </row>
    <row r="99" spans="1:4">
      <c r="A99" t="s">
        <v>8</v>
      </c>
      <c r="B99" t="s">
        <v>103</v>
      </c>
      <c r="C99" s="4">
        <v>10700000</v>
      </c>
      <c r="D99">
        <v>1.1000000000000001</v>
      </c>
    </row>
    <row r="100" spans="1:4">
      <c r="A100" t="s">
        <v>8</v>
      </c>
      <c r="B100" t="s">
        <v>104</v>
      </c>
      <c r="C100" s="4">
        <v>4210000</v>
      </c>
      <c r="D100">
        <v>3.7</v>
      </c>
    </row>
    <row r="101" spans="1:4">
      <c r="A101" t="s">
        <v>6</v>
      </c>
      <c r="B101" t="s">
        <v>105</v>
      </c>
      <c r="C101" s="4">
        <v>15100000</v>
      </c>
      <c r="D101">
        <v>5.6</v>
      </c>
    </row>
    <row r="102" spans="1:4">
      <c r="A102" t="s">
        <v>6</v>
      </c>
      <c r="B102" t="s">
        <v>106</v>
      </c>
      <c r="C102" s="4">
        <v>713000</v>
      </c>
      <c r="D102">
        <v>12.9</v>
      </c>
    </row>
    <row r="103" spans="1:4">
      <c r="A103" t="s">
        <v>6</v>
      </c>
      <c r="B103" t="s">
        <v>107</v>
      </c>
      <c r="C103" s="4">
        <v>3360000</v>
      </c>
      <c r="D103">
        <v>2.9</v>
      </c>
    </row>
    <row r="104" spans="1:4">
      <c r="A104" t="s">
        <v>8</v>
      </c>
      <c r="B104" t="s">
        <v>108</v>
      </c>
      <c r="C104" s="4">
        <v>58400000</v>
      </c>
      <c r="D104">
        <v>0.9</v>
      </c>
    </row>
    <row r="105" spans="1:4">
      <c r="A105" t="s">
        <v>8</v>
      </c>
      <c r="B105" t="s">
        <v>109</v>
      </c>
      <c r="C105" s="4">
        <v>9780000</v>
      </c>
      <c r="D105">
        <v>0.7</v>
      </c>
    </row>
    <row r="106" spans="1:4">
      <c r="A106" t="s">
        <v>4</v>
      </c>
      <c r="B106" t="s">
        <v>110</v>
      </c>
      <c r="C106" s="4">
        <v>70400000</v>
      </c>
      <c r="D106">
        <v>3.9</v>
      </c>
    </row>
    <row r="107" spans="1:4">
      <c r="A107" t="s">
        <v>8</v>
      </c>
      <c r="B107" t="s">
        <v>111</v>
      </c>
      <c r="C107" s="4">
        <v>27700000</v>
      </c>
      <c r="D107">
        <v>1.6</v>
      </c>
    </row>
    <row r="108" spans="1:4">
      <c r="A108" t="s">
        <v>6</v>
      </c>
      <c r="B108" t="s">
        <v>112</v>
      </c>
      <c r="C108" s="4">
        <v>257000</v>
      </c>
      <c r="D108">
        <v>5.8</v>
      </c>
    </row>
    <row r="109" spans="1:4">
      <c r="A109" t="s">
        <v>8</v>
      </c>
      <c r="B109" t="s">
        <v>113</v>
      </c>
      <c r="C109" s="4">
        <v>17300000</v>
      </c>
      <c r="D109">
        <v>2.2999999999999998</v>
      </c>
    </row>
    <row r="110" spans="1:4">
      <c r="A110" t="s">
        <v>8</v>
      </c>
      <c r="B110" t="s">
        <v>114</v>
      </c>
      <c r="C110" s="4">
        <v>894000</v>
      </c>
      <c r="D110">
        <v>3.5</v>
      </c>
    </row>
    <row r="111" spans="1:4">
      <c r="A111" t="s">
        <v>11</v>
      </c>
      <c r="B111" t="s">
        <v>115</v>
      </c>
      <c r="C111" s="4">
        <v>150000000</v>
      </c>
      <c r="D111">
        <v>2.6</v>
      </c>
    </row>
    <row r="112" spans="1:4">
      <c r="A112" t="s">
        <v>6</v>
      </c>
      <c r="B112" t="s">
        <v>116</v>
      </c>
      <c r="C112" s="4">
        <v>4880000</v>
      </c>
      <c r="D112">
        <v>1.7</v>
      </c>
    </row>
    <row r="113" spans="1:4">
      <c r="A113" t="s">
        <v>4</v>
      </c>
      <c r="B113" t="s">
        <v>117</v>
      </c>
      <c r="C113" s="4">
        <v>42800000</v>
      </c>
      <c r="D113">
        <v>7.7</v>
      </c>
    </row>
    <row r="114" spans="1:4">
      <c r="A114" t="s">
        <v>6</v>
      </c>
      <c r="B114" t="s">
        <v>118</v>
      </c>
      <c r="C114" s="4">
        <v>1900000</v>
      </c>
      <c r="D114">
        <v>3.7</v>
      </c>
    </row>
    <row r="115" spans="1:4">
      <c r="A115" t="s">
        <v>8</v>
      </c>
      <c r="B115" t="s">
        <v>119</v>
      </c>
      <c r="C115" s="4">
        <v>20900000</v>
      </c>
      <c r="D115">
        <v>1.7</v>
      </c>
    </row>
    <row r="116" spans="1:4">
      <c r="A116" t="s">
        <v>8</v>
      </c>
      <c r="B116" t="s">
        <v>120</v>
      </c>
      <c r="C116" s="4">
        <v>51700000</v>
      </c>
      <c r="D116">
        <v>0.8</v>
      </c>
    </row>
    <row r="117" spans="1:4">
      <c r="A117" t="s">
        <v>4</v>
      </c>
      <c r="B117" t="s">
        <v>121</v>
      </c>
      <c r="C117" s="4">
        <v>100000000</v>
      </c>
      <c r="D117">
        <v>1.7</v>
      </c>
    </row>
    <row r="118" spans="1:4">
      <c r="A118" t="s">
        <v>8</v>
      </c>
      <c r="B118" t="s">
        <v>122</v>
      </c>
      <c r="C118" s="4">
        <v>15700000</v>
      </c>
      <c r="D118">
        <v>2.7</v>
      </c>
    </row>
    <row r="119" spans="1:4">
      <c r="A119" t="s">
        <v>4</v>
      </c>
      <c r="B119" t="s">
        <v>123</v>
      </c>
      <c r="C119" s="4">
        <v>16300000</v>
      </c>
      <c r="D119">
        <v>1.1000000000000001</v>
      </c>
    </row>
    <row r="120" spans="1:4">
      <c r="A120" t="s">
        <v>6</v>
      </c>
      <c r="B120" t="s">
        <v>124</v>
      </c>
      <c r="C120" s="4">
        <v>14000000</v>
      </c>
      <c r="D120">
        <v>4.8</v>
      </c>
    </row>
    <row r="121" spans="1:4">
      <c r="A121" t="s">
        <v>15</v>
      </c>
      <c r="B121" t="s">
        <v>125</v>
      </c>
      <c r="C121" s="4">
        <v>43500000</v>
      </c>
      <c r="D121">
        <v>4.7</v>
      </c>
    </row>
    <row r="122" spans="1:4">
      <c r="A122" t="s">
        <v>11</v>
      </c>
      <c r="B122" t="s">
        <v>126</v>
      </c>
      <c r="C122" s="4">
        <v>13600000</v>
      </c>
      <c r="D122">
        <v>1.8</v>
      </c>
    </row>
    <row r="123" spans="1:4">
      <c r="A123" t="s">
        <v>8</v>
      </c>
      <c r="B123" t="s">
        <v>127</v>
      </c>
      <c r="C123" s="4">
        <v>28200000</v>
      </c>
      <c r="D123">
        <v>1.7</v>
      </c>
    </row>
    <row r="124" spans="1:4">
      <c r="A124" t="s">
        <v>8</v>
      </c>
      <c r="B124" t="s">
        <v>128</v>
      </c>
      <c r="C124" s="4">
        <v>128000000</v>
      </c>
      <c r="D124">
        <v>1.1000000000000001</v>
      </c>
    </row>
    <row r="125" spans="1:4">
      <c r="A125" t="s">
        <v>6</v>
      </c>
      <c r="B125" t="s">
        <v>129</v>
      </c>
      <c r="C125" s="4">
        <v>38200000</v>
      </c>
      <c r="D125">
        <v>5.5</v>
      </c>
    </row>
    <row r="126" spans="1:4">
      <c r="A126" t="s">
        <v>4</v>
      </c>
      <c r="B126" t="s">
        <v>130</v>
      </c>
      <c r="C126" s="4">
        <v>6630000</v>
      </c>
      <c r="D126">
        <v>6.8</v>
      </c>
    </row>
    <row r="127" spans="1:4">
      <c r="A127" t="s">
        <v>4</v>
      </c>
      <c r="B127" t="s">
        <v>131</v>
      </c>
      <c r="C127" s="4">
        <v>70400000</v>
      </c>
      <c r="D127">
        <v>0.8</v>
      </c>
    </row>
    <row r="128" spans="1:4">
      <c r="A128" t="s">
        <v>11</v>
      </c>
      <c r="B128" t="s">
        <v>132</v>
      </c>
      <c r="C128" s="4">
        <v>11100000</v>
      </c>
      <c r="D128">
        <v>2.2999999999999998</v>
      </c>
    </row>
    <row r="129" spans="1:4">
      <c r="A129" t="s">
        <v>15</v>
      </c>
      <c r="B129" t="s">
        <v>133</v>
      </c>
      <c r="C129" s="4">
        <v>28900000</v>
      </c>
      <c r="D129">
        <v>1.7</v>
      </c>
    </row>
    <row r="130" spans="1:4">
      <c r="A130" t="s">
        <v>11</v>
      </c>
      <c r="B130" t="s">
        <v>134</v>
      </c>
      <c r="C130" s="4">
        <v>66300000</v>
      </c>
      <c r="D130">
        <v>2.9</v>
      </c>
    </row>
    <row r="131" spans="1:4">
      <c r="A131" t="s">
        <v>11</v>
      </c>
      <c r="B131" t="s">
        <v>135</v>
      </c>
      <c r="C131" s="4">
        <v>117000000</v>
      </c>
      <c r="D131">
        <v>2.2000000000000002</v>
      </c>
    </row>
    <row r="132" spans="1:4">
      <c r="A132" t="s">
        <v>4</v>
      </c>
      <c r="B132" t="s">
        <v>136</v>
      </c>
      <c r="C132" s="4">
        <v>56600000</v>
      </c>
      <c r="D132">
        <v>1.3</v>
      </c>
    </row>
    <row r="133" spans="1:4">
      <c r="A133" t="s">
        <v>6</v>
      </c>
      <c r="B133" t="s">
        <v>137</v>
      </c>
      <c r="C133" s="4">
        <v>76100000</v>
      </c>
      <c r="D133">
        <v>4.4000000000000004</v>
      </c>
    </row>
    <row r="134" spans="1:4">
      <c r="A134" t="s">
        <v>6</v>
      </c>
      <c r="B134" t="s">
        <v>138</v>
      </c>
      <c r="C134" s="4">
        <v>13100000</v>
      </c>
      <c r="D134">
        <v>4.0999999999999996</v>
      </c>
    </row>
    <row r="135" spans="1:4">
      <c r="A135" t="s">
        <v>4</v>
      </c>
      <c r="B135" t="s">
        <v>139</v>
      </c>
      <c r="C135" s="4">
        <v>2570000</v>
      </c>
      <c r="D135">
        <v>14.4</v>
      </c>
    </row>
    <row r="136" spans="1:4">
      <c r="A136" t="s">
        <v>6</v>
      </c>
      <c r="B136" t="s">
        <v>140</v>
      </c>
      <c r="C136" s="4">
        <v>56800000</v>
      </c>
      <c r="D136">
        <v>3.1</v>
      </c>
    </row>
    <row r="137" spans="1:4">
      <c r="A137" t="s">
        <v>6</v>
      </c>
      <c r="B137" t="s">
        <v>141</v>
      </c>
      <c r="C137" s="4">
        <v>1000000000</v>
      </c>
      <c r="D137">
        <v>5.2</v>
      </c>
    </row>
    <row r="138" spans="1:4">
      <c r="A138" t="s">
        <v>8</v>
      </c>
      <c r="B138" t="s">
        <v>142</v>
      </c>
      <c r="C138" s="4">
        <v>5340000</v>
      </c>
      <c r="D138">
        <v>0.8</v>
      </c>
    </row>
    <row r="139" spans="1:4">
      <c r="A139" t="s">
        <v>11</v>
      </c>
      <c r="B139" t="s">
        <v>143</v>
      </c>
      <c r="C139" s="4">
        <v>59000</v>
      </c>
      <c r="D139">
        <v>2.2999999999999998</v>
      </c>
    </row>
    <row r="140" spans="1:4">
      <c r="A140" t="s">
        <v>15</v>
      </c>
      <c r="B140" t="s">
        <v>144</v>
      </c>
      <c r="C140" s="4">
        <v>370000</v>
      </c>
      <c r="D140">
        <v>3</v>
      </c>
    </row>
    <row r="141" spans="1:4">
      <c r="A141" t="s">
        <v>8</v>
      </c>
      <c r="B141" t="s">
        <v>145</v>
      </c>
      <c r="C141" s="4">
        <v>176000</v>
      </c>
      <c r="D141">
        <v>1.7</v>
      </c>
    </row>
    <row r="142" spans="1:4">
      <c r="A142" t="s">
        <v>4</v>
      </c>
      <c r="B142" t="s">
        <v>146</v>
      </c>
      <c r="C142" s="4">
        <v>13500000</v>
      </c>
      <c r="D142">
        <v>6.2</v>
      </c>
    </row>
    <row r="143" spans="1:4">
      <c r="A143" t="s">
        <v>8</v>
      </c>
      <c r="B143" t="s">
        <v>147</v>
      </c>
      <c r="C143" s="4">
        <v>15000000</v>
      </c>
      <c r="D143">
        <v>1.1000000000000001</v>
      </c>
    </row>
    <row r="144" spans="1:4">
      <c r="A144" t="s">
        <v>6</v>
      </c>
      <c r="B144" t="s">
        <v>148</v>
      </c>
      <c r="C144" s="4">
        <v>15300000</v>
      </c>
      <c r="D144">
        <v>3</v>
      </c>
    </row>
    <row r="145" spans="1:4">
      <c r="A145" t="s">
        <v>8</v>
      </c>
      <c r="B145" t="s">
        <v>149</v>
      </c>
      <c r="C145" s="4">
        <v>8390000</v>
      </c>
      <c r="D145">
        <v>1.2</v>
      </c>
    </row>
    <row r="146" spans="1:4">
      <c r="A146" t="s">
        <v>4</v>
      </c>
      <c r="B146" t="s">
        <v>150</v>
      </c>
      <c r="C146" s="4">
        <v>329000</v>
      </c>
      <c r="D146">
        <v>5.9</v>
      </c>
    </row>
    <row r="147" spans="1:4">
      <c r="A147" t="s">
        <v>6</v>
      </c>
      <c r="B147" t="s">
        <v>151</v>
      </c>
      <c r="C147" s="4">
        <v>16300000</v>
      </c>
      <c r="D147">
        <v>4.2</v>
      </c>
    </row>
    <row r="148" spans="1:4">
      <c r="A148" t="s">
        <v>6</v>
      </c>
      <c r="B148" t="s">
        <v>152</v>
      </c>
      <c r="C148" s="4">
        <v>4650000</v>
      </c>
      <c r="D148">
        <v>5.0999999999999996</v>
      </c>
    </row>
    <row r="149" spans="1:4">
      <c r="A149" t="s">
        <v>15</v>
      </c>
      <c r="B149" t="s">
        <v>153</v>
      </c>
      <c r="C149" s="4">
        <v>2430000</v>
      </c>
      <c r="D149">
        <v>2.4</v>
      </c>
    </row>
    <row r="150" spans="1:4">
      <c r="A150" t="s">
        <v>8</v>
      </c>
      <c r="B150" t="s">
        <v>154</v>
      </c>
      <c r="C150" s="4">
        <v>12200000</v>
      </c>
      <c r="D150">
        <v>1</v>
      </c>
    </row>
    <row r="151" spans="1:4">
      <c r="A151" t="s">
        <v>8</v>
      </c>
      <c r="B151" t="s">
        <v>155</v>
      </c>
      <c r="C151" s="4">
        <v>53700000</v>
      </c>
      <c r="D151">
        <v>3.2</v>
      </c>
    </row>
    <row r="152" spans="1:4">
      <c r="A152" t="s">
        <v>8</v>
      </c>
      <c r="B152" t="s">
        <v>156</v>
      </c>
      <c r="C152" s="4">
        <v>19300000</v>
      </c>
      <c r="D152">
        <v>1.5</v>
      </c>
    </row>
    <row r="153" spans="1:4">
      <c r="A153" t="s">
        <v>6</v>
      </c>
      <c r="B153" t="s">
        <v>157</v>
      </c>
      <c r="C153" s="4">
        <v>63700000</v>
      </c>
      <c r="D153">
        <v>4</v>
      </c>
    </row>
    <row r="154" spans="1:4">
      <c r="A154" t="s">
        <v>4</v>
      </c>
      <c r="B154" t="s">
        <v>158</v>
      </c>
      <c r="C154" s="4">
        <v>10400000</v>
      </c>
      <c r="D154">
        <v>1.5</v>
      </c>
    </row>
    <row r="155" spans="1:4">
      <c r="A155" t="s">
        <v>8</v>
      </c>
      <c r="B155" t="s">
        <v>159</v>
      </c>
      <c r="C155" s="4">
        <v>44200000</v>
      </c>
      <c r="D155">
        <v>1.2</v>
      </c>
    </row>
    <row r="156" spans="1:4">
      <c r="A156" t="s">
        <v>11</v>
      </c>
      <c r="B156" t="s">
        <v>160</v>
      </c>
      <c r="C156" s="4">
        <v>47200000</v>
      </c>
      <c r="D156">
        <v>3</v>
      </c>
    </row>
    <row r="157" spans="1:4">
      <c r="A157" t="s">
        <v>6</v>
      </c>
      <c r="B157" t="s">
        <v>161</v>
      </c>
      <c r="C157" s="4">
        <v>94000000</v>
      </c>
      <c r="D157">
        <v>6.5</v>
      </c>
    </row>
    <row r="158" spans="1:4">
      <c r="A158" t="s">
        <v>6</v>
      </c>
      <c r="B158" t="s">
        <v>162</v>
      </c>
      <c r="C158" s="4">
        <v>8440000</v>
      </c>
      <c r="D158">
        <v>4.5999999999999996</v>
      </c>
    </row>
    <row r="159" spans="1:4">
      <c r="A159" t="s">
        <v>4</v>
      </c>
      <c r="B159" t="s">
        <v>163</v>
      </c>
      <c r="C159" s="4">
        <v>11600000</v>
      </c>
      <c r="D159">
        <v>1.4</v>
      </c>
    </row>
    <row r="160" spans="1:4">
      <c r="A160" t="s">
        <v>4</v>
      </c>
      <c r="B160" t="s">
        <v>164</v>
      </c>
      <c r="C160" s="4">
        <v>4570000</v>
      </c>
      <c r="D160">
        <v>0.9</v>
      </c>
    </row>
    <row r="161" spans="1:4">
      <c r="A161" t="s">
        <v>8</v>
      </c>
      <c r="B161" t="s">
        <v>165</v>
      </c>
      <c r="C161" s="4">
        <v>56800000</v>
      </c>
      <c r="D161">
        <v>1.2</v>
      </c>
    </row>
    <row r="162" spans="1:4">
      <c r="A162" t="s">
        <v>4</v>
      </c>
      <c r="B162" t="s">
        <v>166</v>
      </c>
      <c r="C162" s="4">
        <v>81200000</v>
      </c>
      <c r="D162">
        <v>2.5</v>
      </c>
    </row>
    <row r="163" spans="1:4">
      <c r="A163" t="s">
        <v>4</v>
      </c>
      <c r="B163" t="s">
        <v>167</v>
      </c>
      <c r="C163" s="4">
        <v>1940000</v>
      </c>
      <c r="D163">
        <v>0.5</v>
      </c>
    </row>
    <row r="164" spans="1:4">
      <c r="A164" t="s">
        <v>8</v>
      </c>
      <c r="B164" t="s">
        <v>168</v>
      </c>
      <c r="C164" s="4">
        <v>3830000</v>
      </c>
      <c r="D164">
        <v>1.1000000000000001</v>
      </c>
    </row>
    <row r="165" spans="1:4">
      <c r="A165" t="s">
        <v>15</v>
      </c>
      <c r="B165" t="s">
        <v>169</v>
      </c>
      <c r="C165" s="4">
        <v>177000</v>
      </c>
      <c r="D165">
        <v>3.4</v>
      </c>
    </row>
    <row r="166" spans="1:4">
      <c r="A166" t="s">
        <v>11</v>
      </c>
      <c r="B166" t="s">
        <v>170</v>
      </c>
      <c r="C166" s="4">
        <v>2120000</v>
      </c>
      <c r="D166">
        <v>8.4</v>
      </c>
    </row>
    <row r="167" spans="1:4">
      <c r="A167" t="s">
        <v>8</v>
      </c>
      <c r="B167" t="s">
        <v>171</v>
      </c>
      <c r="C167" s="4">
        <v>8180000</v>
      </c>
      <c r="D167">
        <v>2.2000000000000002</v>
      </c>
    </row>
    <row r="168" spans="1:4">
      <c r="A168" t="s">
        <v>4</v>
      </c>
      <c r="B168" t="s">
        <v>172</v>
      </c>
      <c r="C168" s="4">
        <v>114000000</v>
      </c>
      <c r="D168">
        <v>3.4</v>
      </c>
    </row>
    <row r="169" spans="1:4">
      <c r="A169" t="s">
        <v>4</v>
      </c>
      <c r="B169" t="s">
        <v>173</v>
      </c>
      <c r="C169" s="4">
        <v>14100000</v>
      </c>
      <c r="D169">
        <v>5.3</v>
      </c>
    </row>
    <row r="170" spans="1:4">
      <c r="A170" t="s">
        <v>8</v>
      </c>
      <c r="B170" t="s">
        <v>174</v>
      </c>
      <c r="C170" s="4">
        <v>20100000</v>
      </c>
      <c r="D170">
        <v>1.1000000000000001</v>
      </c>
    </row>
    <row r="171" spans="1:4">
      <c r="A171" t="s">
        <v>6</v>
      </c>
      <c r="B171" t="s">
        <v>175</v>
      </c>
      <c r="C171" s="4">
        <v>126000000</v>
      </c>
      <c r="D171">
        <v>2.9</v>
      </c>
    </row>
    <row r="172" spans="1:4">
      <c r="A172" t="s">
        <v>4</v>
      </c>
      <c r="B172" t="s">
        <v>176</v>
      </c>
      <c r="C172" s="4">
        <v>5220000</v>
      </c>
      <c r="D172">
        <v>8.9</v>
      </c>
    </row>
    <row r="173" spans="1:4">
      <c r="A173" t="s">
        <v>6</v>
      </c>
      <c r="B173" t="s">
        <v>177</v>
      </c>
      <c r="C173" s="4">
        <v>71600000</v>
      </c>
      <c r="D173">
        <v>4.4000000000000004</v>
      </c>
    </row>
    <row r="174" spans="1:4">
      <c r="A174" t="s">
        <v>11</v>
      </c>
      <c r="B174" t="s">
        <v>178</v>
      </c>
      <c r="C174" s="4">
        <v>1170000000</v>
      </c>
      <c r="D174">
        <v>8.1</v>
      </c>
    </row>
    <row r="175" spans="1:4">
      <c r="A175" t="s">
        <v>11</v>
      </c>
      <c r="B175" t="s">
        <v>179</v>
      </c>
      <c r="C175" s="4">
        <v>34300000</v>
      </c>
      <c r="D175">
        <v>1.9</v>
      </c>
    </row>
    <row r="176" spans="1:4">
      <c r="A176" t="s">
        <v>4</v>
      </c>
      <c r="B176" t="s">
        <v>180</v>
      </c>
      <c r="C176" s="4">
        <v>26600000</v>
      </c>
      <c r="D176">
        <v>1.9</v>
      </c>
    </row>
    <row r="177" spans="1:4">
      <c r="A177" t="s">
        <v>4</v>
      </c>
      <c r="B177" t="s">
        <v>181</v>
      </c>
      <c r="C177" s="4">
        <v>96500000</v>
      </c>
      <c r="D177">
        <v>2.1</v>
      </c>
    </row>
    <row r="178" spans="1:4">
      <c r="A178" t="s">
        <v>4</v>
      </c>
      <c r="B178" t="s">
        <v>182</v>
      </c>
      <c r="C178" s="4">
        <v>11500000</v>
      </c>
      <c r="D178">
        <v>0.7</v>
      </c>
    </row>
    <row r="179" spans="1:4">
      <c r="A179" t="s">
        <v>8</v>
      </c>
      <c r="B179" t="s">
        <v>183</v>
      </c>
      <c r="C179" s="4">
        <v>31100000</v>
      </c>
      <c r="D179">
        <v>0.9</v>
      </c>
    </row>
    <row r="180" spans="1:4">
      <c r="A180" t="s">
        <v>8</v>
      </c>
      <c r="B180" t="s">
        <v>184</v>
      </c>
      <c r="C180" s="4">
        <v>8090000</v>
      </c>
      <c r="D180">
        <v>1.1000000000000001</v>
      </c>
    </row>
    <row r="190" spans="1:4">
      <c r="B190" s="5" t="s">
        <v>185</v>
      </c>
    </row>
  </sheetData>
  <hyperlinks>
    <hyperlink ref="B190" r:id="rId1" location="/" display="https://data.footprintnetwork.org/?_ga=2.67928725.548786631.1583394135-1720997595.1583394135 - /" xr:uid="{94619027-88A1-4D4A-85F7-8A864588DDCA}"/>
  </hyperlinks>
  <pageMargins left="0.7" right="0.7" top="0.75" bottom="0.75" header="0.3" footer="0.3"/>
  <pageSetup paperSize="9" orientation="portrait" r:id="rId2"/>
  <drawing r:id="rId3"/>
  <tableParts count="1">
    <tablePart r:id="rId4"/>
  </tableParts>
  <extLst>
    <ext xmlns:x15="http://schemas.microsoft.com/office/spreadsheetml/2010/11/main" uri="{3A4CF648-6AED-40f4-86FF-DC5316D8AED3}">
      <x14:slicerList xmlns:x14="http://schemas.microsoft.com/office/spreadsheetml/2009/9/main">
        <x14:slicer r:id="rId5"/>
      </x14:slicerList>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Geospatial</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dreas Exadaktylos</dc:creator>
  <cp:lastModifiedBy>Ria Proskurkina</cp:lastModifiedBy>
  <dcterms:created xsi:type="dcterms:W3CDTF">2024-04-01T06:34:09Z</dcterms:created>
  <dcterms:modified xsi:type="dcterms:W3CDTF">2024-05-16T15:36:5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44787D4-0540-4523-9961-78E4036D8C6D}">
    <vt:lpwstr>{7F21FB36-B576-4E26-BCD2-9496F2ACA28C}</vt:lpwstr>
  </property>
</Properties>
</file>